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heme/theme2.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xml" ContentType="application/vnd.openxmlformats-officedocument.presentationml.notesSlide+xml"/>
  <Override PartName="/ppt/notesSlides/notesSlide2.xml" ContentType="application/vnd.openxmlformats-officedocument.presentationml.notesSlide+xml"/>
  <Override PartName="/ppt/authors.xml" ContentType="application/vnd.ms-powerpoint.authors+xml"/>
  <Override PartName="/docProps/app.xml" ContentType="application/vnd.openxmlformats-officedocument.extended-properties+xml"/>
  <Override PartName="/docMetadata/LabelInfo.xml" ContentType="application/vnd.ms-office.classificationlabels+xml"/>
  <Override PartName="/customXml/itemProps10.xml" ContentType="application/vnd.openxmlformats-officedocument.customXmlProperties+xml"/>
  <Override PartName="/docProps/core.xml" ContentType="application/vnd.openxmlformats-package.core-properties+xml"/>
  <Override PartName="/docProps/custom.xml" ContentType="application/vnd.openxmlformats-officedocument.custom-properties+xml"/>
  <Override PartName="/customXml/itemProps11.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669" r:id="rId10"/>
  </p:sldMasterIdLst>
  <p:notesMasterIdLst>
    <p:notesMasterId r:id="rId16"/>
  </p:notesMasterIdLst>
  <p:sldIdLst>
    <p:sldId id="262" r:id="rId11"/>
    <p:sldId id="1268" r:id="rId12"/>
    <p:sldId id="595" r:id="rId13"/>
    <p:sldId id="2147375003" r:id="rId14"/>
    <p:sldId id="623" r:id="rId15"/>
  </p:sldIdLst>
  <p:sldSz cx="9144000" cy="5143500" type="screen16x9"/>
  <p:notesSz cx="6858000" cy="9144000"/>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4" userDrawn="1">
          <p15:clr>
            <a:srgbClr val="A4A3A4"/>
          </p15:clr>
        </p15:guide>
        <p15:guide id="2" pos="2880" userDrawn="1">
          <p15:clr>
            <a:srgbClr val="A4A3A4"/>
          </p15:clr>
        </p15:guide>
        <p15:guide id="3" orient="horz" pos="1620">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CBE7F739-1441-EF38-437E-928C250BF3DA}" name="Hoogendoorn, H.C. (Rick) (TP_TIB)" initials="RH" userId="S::h.c.hoogendoorn@dnb.nl::7bef8ac1-4488-4bb2-9fb2-17f12ca3f10d" providerId="AD"/>
  <p188:author id="{96DAE28E-0DC8-E1C5-F7AF-9027DD7065D9}" name="Chen, D.H.J. (Damiaan) (TP_ECFRP)" initials="DC" userId="S::d.h.j.chen@dnb.nl::b7133306-450f-41b6-b1ec-f7a4ecd7d465"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5E5C"/>
    <a:srgbClr val="F08785"/>
    <a:srgbClr val="F5B5B5"/>
    <a:srgbClr val="94E5BA"/>
    <a:srgbClr val="99E7B7"/>
    <a:srgbClr val="4AD480"/>
    <a:srgbClr val="578BF7"/>
    <a:srgbClr val="3B54F5"/>
    <a:srgbClr val="73C2FA"/>
    <a:srgbClr val="C9E9FE"/>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Stijl, gemiddeld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84746" autoAdjust="0"/>
  </p:normalViewPr>
  <p:slideViewPr>
    <p:cSldViewPr snapToGrid="0">
      <p:cViewPr varScale="1">
        <p:scale>
          <a:sx n="124" d="100"/>
          <a:sy n="124" d="100"/>
        </p:scale>
        <p:origin x="414" y="90"/>
      </p:cViewPr>
      <p:guideLst>
        <p:guide orient="horz" pos="2164"/>
        <p:guide pos="2880"/>
        <p:guide orient="horz" pos="1620"/>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viewProps" Target="viewProp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customXml" Target="../customXml/item11.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customXml" Target="../customXml/item10.xml"/><Relationship Id="rId10" Type="http://schemas.openxmlformats.org/officeDocument/2006/relationships/slideMaster" Target="slideMasters/slideMaster1.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microsoft.com/office/2018/10/relationships/authors" Target="authors.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46FB5B84-487A-408F-9846-3B5F28D6DD7D}" type="doc">
      <dgm:prSet loTypeId="urn:microsoft.com/office/officeart/2005/8/layout/pyramid3" loCatId="pyramid" qsTypeId="urn:microsoft.com/office/officeart/2005/8/quickstyle/simple1" qsCatId="simple" csTypeId="urn:microsoft.com/office/officeart/2005/8/colors/accent1_2" csCatId="accent1" phldr="1"/>
      <dgm:spPr/>
    </dgm:pt>
    <dgm:pt modelId="{42104ECF-5293-418C-B534-CCDE1E9D65E1}">
      <dgm:prSet phldrT="[Tekst]" custT="1"/>
      <dgm:spPr/>
      <dgm:t>
        <a:bodyPr/>
        <a:lstStyle/>
        <a:p>
          <a:r>
            <a:rPr lang="nl-NL" sz="1800" dirty="0">
              <a:solidFill>
                <a:schemeClr val="bg1"/>
              </a:solidFill>
            </a:rPr>
            <a:t>Doelstellingen</a:t>
          </a:r>
        </a:p>
      </dgm:t>
    </dgm:pt>
    <dgm:pt modelId="{84A33FC8-4B43-4B8F-8045-A6DE9BEB5CA3}" type="parTrans" cxnId="{1F3AAEF3-8D7A-4F18-AF92-9BB08E4092FE}">
      <dgm:prSet/>
      <dgm:spPr/>
      <dgm:t>
        <a:bodyPr/>
        <a:lstStyle/>
        <a:p>
          <a:endParaRPr lang="nl-NL"/>
        </a:p>
      </dgm:t>
    </dgm:pt>
    <dgm:pt modelId="{9D0D6358-03D0-4804-9A77-379BB67F53B6}" type="sibTrans" cxnId="{1F3AAEF3-8D7A-4F18-AF92-9BB08E4092FE}">
      <dgm:prSet/>
      <dgm:spPr/>
      <dgm:t>
        <a:bodyPr/>
        <a:lstStyle/>
        <a:p>
          <a:endParaRPr lang="nl-NL"/>
        </a:p>
      </dgm:t>
    </dgm:pt>
    <dgm:pt modelId="{6B665227-E03E-4880-953B-70BCE11AD9B4}">
      <dgm:prSet phldrT="[Tekst]" custT="1"/>
      <dgm:spPr/>
      <dgm:t>
        <a:bodyPr/>
        <a:lstStyle/>
        <a:p>
          <a:r>
            <a:rPr lang="nl-NL" sz="1800">
              <a:solidFill>
                <a:schemeClr val="bg1"/>
              </a:solidFill>
            </a:rPr>
            <a:t>Voorrangsregels</a:t>
          </a:r>
        </a:p>
      </dgm:t>
    </dgm:pt>
    <dgm:pt modelId="{0931EEB7-4414-47F5-8185-6BB1027C2115}" type="parTrans" cxnId="{07CDAB81-800A-4C74-8E97-730B3DB2A64C}">
      <dgm:prSet/>
      <dgm:spPr/>
      <dgm:t>
        <a:bodyPr/>
        <a:lstStyle/>
        <a:p>
          <a:endParaRPr lang="nl-NL"/>
        </a:p>
      </dgm:t>
    </dgm:pt>
    <dgm:pt modelId="{53481B40-1618-48F6-8DAA-03D349042978}" type="sibTrans" cxnId="{07CDAB81-800A-4C74-8E97-730B3DB2A64C}">
      <dgm:prSet/>
      <dgm:spPr/>
      <dgm:t>
        <a:bodyPr/>
        <a:lstStyle/>
        <a:p>
          <a:endParaRPr lang="nl-NL"/>
        </a:p>
      </dgm:t>
    </dgm:pt>
    <dgm:pt modelId="{3161B1AF-0650-4C13-8CF3-275A2BD8AB2B}">
      <dgm:prSet phldrT="[Tekst]" custT="1"/>
      <dgm:spPr/>
      <dgm:t>
        <a:bodyPr/>
        <a:lstStyle/>
        <a:p>
          <a:r>
            <a:rPr lang="nl-NL" sz="1800">
              <a:solidFill>
                <a:schemeClr val="bg1"/>
              </a:solidFill>
            </a:rPr>
            <a:t>Evenwichtigheids- </a:t>
          </a:r>
          <a:br>
            <a:rPr lang="nl-NL" sz="1800">
              <a:solidFill>
                <a:schemeClr val="bg1"/>
              </a:solidFill>
            </a:rPr>
          </a:br>
          <a:r>
            <a:rPr lang="nl-NL" sz="1800">
              <a:solidFill>
                <a:schemeClr val="bg1"/>
              </a:solidFill>
            </a:rPr>
            <a:t>afweging</a:t>
          </a:r>
          <a:endParaRPr lang="nl-NL" sz="3600">
            <a:solidFill>
              <a:schemeClr val="bg1"/>
            </a:solidFill>
          </a:endParaRPr>
        </a:p>
      </dgm:t>
    </dgm:pt>
    <dgm:pt modelId="{73A339CA-C123-41EE-AD49-5CD95A46C24B}" type="parTrans" cxnId="{80B472F9-6FE4-46FB-B986-6B617B98CC9D}">
      <dgm:prSet/>
      <dgm:spPr/>
      <dgm:t>
        <a:bodyPr/>
        <a:lstStyle/>
        <a:p>
          <a:endParaRPr lang="nl-NL"/>
        </a:p>
      </dgm:t>
    </dgm:pt>
    <dgm:pt modelId="{59454370-9D7A-4A9C-A594-12B7C3429D03}" type="sibTrans" cxnId="{80B472F9-6FE4-46FB-B986-6B617B98CC9D}">
      <dgm:prSet/>
      <dgm:spPr/>
      <dgm:t>
        <a:bodyPr/>
        <a:lstStyle/>
        <a:p>
          <a:endParaRPr lang="nl-NL"/>
        </a:p>
      </dgm:t>
    </dgm:pt>
    <dgm:pt modelId="{EFC817A6-CE1E-4D73-B57E-6639C5701E8F}">
      <dgm:prSet custT="1"/>
      <dgm:spPr/>
      <dgm:t>
        <a:bodyPr/>
        <a:lstStyle/>
        <a:p>
          <a:r>
            <a:rPr lang="nl-NL" sz="1800">
              <a:solidFill>
                <a:schemeClr val="bg1"/>
              </a:solidFill>
            </a:rPr>
            <a:t>Maatstaven</a:t>
          </a:r>
        </a:p>
      </dgm:t>
    </dgm:pt>
    <dgm:pt modelId="{DA96848B-40AD-4AFA-97C0-82BBD21FAEF5}" type="parTrans" cxnId="{DB772331-AD1F-461D-831C-39650922CF29}">
      <dgm:prSet/>
      <dgm:spPr/>
      <dgm:t>
        <a:bodyPr/>
        <a:lstStyle/>
        <a:p>
          <a:endParaRPr lang="nl-NL"/>
        </a:p>
      </dgm:t>
    </dgm:pt>
    <dgm:pt modelId="{F3797536-F4A2-4E77-A314-5D040EF4D47B}" type="sibTrans" cxnId="{DB772331-AD1F-461D-831C-39650922CF29}">
      <dgm:prSet/>
      <dgm:spPr/>
      <dgm:t>
        <a:bodyPr/>
        <a:lstStyle/>
        <a:p>
          <a:endParaRPr lang="nl-NL"/>
        </a:p>
      </dgm:t>
    </dgm:pt>
    <dgm:pt modelId="{5A72269C-1390-45D9-959F-BF0F02D5DB90}">
      <dgm:prSet custT="1"/>
      <dgm:spPr/>
      <dgm:t>
        <a:bodyPr/>
        <a:lstStyle/>
        <a:p>
          <a:r>
            <a:rPr lang="nl-NL" sz="1800" dirty="0">
              <a:solidFill>
                <a:schemeClr val="bg1"/>
              </a:solidFill>
            </a:rPr>
            <a:t>Bandbreedte</a:t>
          </a:r>
        </a:p>
      </dgm:t>
    </dgm:pt>
    <dgm:pt modelId="{7C348F54-8280-4451-BD9A-B4605BF41C29}" type="parTrans" cxnId="{1A74A870-EC35-4FFD-A101-BD7985696D93}">
      <dgm:prSet/>
      <dgm:spPr/>
      <dgm:t>
        <a:bodyPr/>
        <a:lstStyle/>
        <a:p>
          <a:endParaRPr lang="nl-NL"/>
        </a:p>
      </dgm:t>
    </dgm:pt>
    <dgm:pt modelId="{EB7E4724-38AE-4FD3-BA72-2638A1333B3B}" type="sibTrans" cxnId="{1A74A870-EC35-4FFD-A101-BD7985696D93}">
      <dgm:prSet/>
      <dgm:spPr/>
      <dgm:t>
        <a:bodyPr/>
        <a:lstStyle/>
        <a:p>
          <a:endParaRPr lang="nl-NL"/>
        </a:p>
      </dgm:t>
    </dgm:pt>
    <dgm:pt modelId="{C69A487D-FABB-46CC-994F-E33A68382F7A}" type="pres">
      <dgm:prSet presAssocID="{46FB5B84-487A-408F-9846-3B5F28D6DD7D}" presName="Name0" presStyleCnt="0">
        <dgm:presLayoutVars>
          <dgm:dir/>
          <dgm:animLvl val="lvl"/>
          <dgm:resizeHandles val="exact"/>
        </dgm:presLayoutVars>
      </dgm:prSet>
      <dgm:spPr/>
    </dgm:pt>
    <dgm:pt modelId="{8CB4EFB7-FCAE-4D8C-BE31-640DC24706F6}" type="pres">
      <dgm:prSet presAssocID="{42104ECF-5293-418C-B534-CCDE1E9D65E1}" presName="Name8" presStyleCnt="0"/>
      <dgm:spPr/>
    </dgm:pt>
    <dgm:pt modelId="{8B700781-6168-46DA-A475-D382A4AF7C4C}" type="pres">
      <dgm:prSet presAssocID="{42104ECF-5293-418C-B534-CCDE1E9D65E1}" presName="level" presStyleLbl="node1" presStyleIdx="0" presStyleCnt="5">
        <dgm:presLayoutVars>
          <dgm:chMax val="1"/>
          <dgm:bulletEnabled val="1"/>
        </dgm:presLayoutVars>
      </dgm:prSet>
      <dgm:spPr/>
    </dgm:pt>
    <dgm:pt modelId="{6585F9EA-144B-4D27-8ACE-F13683F4DE56}" type="pres">
      <dgm:prSet presAssocID="{42104ECF-5293-418C-B534-CCDE1E9D65E1}" presName="levelTx" presStyleLbl="revTx" presStyleIdx="0" presStyleCnt="0">
        <dgm:presLayoutVars>
          <dgm:chMax val="1"/>
          <dgm:bulletEnabled val="1"/>
        </dgm:presLayoutVars>
      </dgm:prSet>
      <dgm:spPr/>
    </dgm:pt>
    <dgm:pt modelId="{FF501BB4-FA80-4E92-9BCF-637CE317F1AC}" type="pres">
      <dgm:prSet presAssocID="{EFC817A6-CE1E-4D73-B57E-6639C5701E8F}" presName="Name8" presStyleCnt="0"/>
      <dgm:spPr/>
    </dgm:pt>
    <dgm:pt modelId="{4DCAE2C4-B299-4339-86DD-95A4C073EA4D}" type="pres">
      <dgm:prSet presAssocID="{EFC817A6-CE1E-4D73-B57E-6639C5701E8F}" presName="level" presStyleLbl="node1" presStyleIdx="1" presStyleCnt="5">
        <dgm:presLayoutVars>
          <dgm:chMax val="1"/>
          <dgm:bulletEnabled val="1"/>
        </dgm:presLayoutVars>
      </dgm:prSet>
      <dgm:spPr/>
    </dgm:pt>
    <dgm:pt modelId="{7C11802F-7BDF-47AA-88A7-0B944019B6A6}" type="pres">
      <dgm:prSet presAssocID="{EFC817A6-CE1E-4D73-B57E-6639C5701E8F}" presName="levelTx" presStyleLbl="revTx" presStyleIdx="0" presStyleCnt="0">
        <dgm:presLayoutVars>
          <dgm:chMax val="1"/>
          <dgm:bulletEnabled val="1"/>
        </dgm:presLayoutVars>
      </dgm:prSet>
      <dgm:spPr/>
    </dgm:pt>
    <dgm:pt modelId="{A6ACDB13-D589-4B92-9A8A-07F63DD6C0BF}" type="pres">
      <dgm:prSet presAssocID="{5A72269C-1390-45D9-959F-BF0F02D5DB90}" presName="Name8" presStyleCnt="0"/>
      <dgm:spPr/>
    </dgm:pt>
    <dgm:pt modelId="{F8B5EF4F-B4C9-4CBB-8D60-89F3FAFFA922}" type="pres">
      <dgm:prSet presAssocID="{5A72269C-1390-45D9-959F-BF0F02D5DB90}" presName="level" presStyleLbl="node1" presStyleIdx="2" presStyleCnt="5">
        <dgm:presLayoutVars>
          <dgm:chMax val="1"/>
          <dgm:bulletEnabled val="1"/>
        </dgm:presLayoutVars>
      </dgm:prSet>
      <dgm:spPr/>
    </dgm:pt>
    <dgm:pt modelId="{CA5546C6-A5F2-4336-99B6-ECCA1FCE9C61}" type="pres">
      <dgm:prSet presAssocID="{5A72269C-1390-45D9-959F-BF0F02D5DB90}" presName="levelTx" presStyleLbl="revTx" presStyleIdx="0" presStyleCnt="0">
        <dgm:presLayoutVars>
          <dgm:chMax val="1"/>
          <dgm:bulletEnabled val="1"/>
        </dgm:presLayoutVars>
      </dgm:prSet>
      <dgm:spPr/>
    </dgm:pt>
    <dgm:pt modelId="{614112BE-6063-482D-9F0C-DCDA0DE0DD63}" type="pres">
      <dgm:prSet presAssocID="{6B665227-E03E-4880-953B-70BCE11AD9B4}" presName="Name8" presStyleCnt="0"/>
      <dgm:spPr/>
    </dgm:pt>
    <dgm:pt modelId="{1661FFDD-BA93-4539-A280-3789F009C77E}" type="pres">
      <dgm:prSet presAssocID="{6B665227-E03E-4880-953B-70BCE11AD9B4}" presName="level" presStyleLbl="node1" presStyleIdx="3" presStyleCnt="5" custScaleY="108512">
        <dgm:presLayoutVars>
          <dgm:chMax val="1"/>
          <dgm:bulletEnabled val="1"/>
        </dgm:presLayoutVars>
      </dgm:prSet>
      <dgm:spPr/>
    </dgm:pt>
    <dgm:pt modelId="{402D293A-B93B-4A4F-A4CE-D8812CDAB19C}" type="pres">
      <dgm:prSet presAssocID="{6B665227-E03E-4880-953B-70BCE11AD9B4}" presName="levelTx" presStyleLbl="revTx" presStyleIdx="0" presStyleCnt="0">
        <dgm:presLayoutVars>
          <dgm:chMax val="1"/>
          <dgm:bulletEnabled val="1"/>
        </dgm:presLayoutVars>
      </dgm:prSet>
      <dgm:spPr/>
    </dgm:pt>
    <dgm:pt modelId="{9DC7AFD9-6672-4E4B-B4D9-5CF00A1EB304}" type="pres">
      <dgm:prSet presAssocID="{3161B1AF-0650-4C13-8CF3-275A2BD8AB2B}" presName="Name8" presStyleCnt="0"/>
      <dgm:spPr/>
    </dgm:pt>
    <dgm:pt modelId="{BDB1ECF1-57E5-42E2-A407-40F60647375C}" type="pres">
      <dgm:prSet presAssocID="{3161B1AF-0650-4C13-8CF3-275A2BD8AB2B}" presName="level" presStyleLbl="node1" presStyleIdx="4" presStyleCnt="5" custScaleY="447796">
        <dgm:presLayoutVars>
          <dgm:chMax val="1"/>
          <dgm:bulletEnabled val="1"/>
        </dgm:presLayoutVars>
      </dgm:prSet>
      <dgm:spPr/>
    </dgm:pt>
    <dgm:pt modelId="{96F65489-24B4-4911-A619-B79D191B3335}" type="pres">
      <dgm:prSet presAssocID="{3161B1AF-0650-4C13-8CF3-275A2BD8AB2B}" presName="levelTx" presStyleLbl="revTx" presStyleIdx="0" presStyleCnt="0">
        <dgm:presLayoutVars>
          <dgm:chMax val="1"/>
          <dgm:bulletEnabled val="1"/>
        </dgm:presLayoutVars>
      </dgm:prSet>
      <dgm:spPr/>
    </dgm:pt>
  </dgm:ptLst>
  <dgm:cxnLst>
    <dgm:cxn modelId="{D9A59E29-CBDF-4EDA-8C4F-F65EC5E5A1EB}" type="presOf" srcId="{6B665227-E03E-4880-953B-70BCE11AD9B4}" destId="{1661FFDD-BA93-4539-A280-3789F009C77E}" srcOrd="0" destOrd="0" presId="urn:microsoft.com/office/officeart/2005/8/layout/pyramid3"/>
    <dgm:cxn modelId="{DB772331-AD1F-461D-831C-39650922CF29}" srcId="{46FB5B84-487A-408F-9846-3B5F28D6DD7D}" destId="{EFC817A6-CE1E-4D73-B57E-6639C5701E8F}" srcOrd="1" destOrd="0" parTransId="{DA96848B-40AD-4AFA-97C0-82BBD21FAEF5}" sibTransId="{F3797536-F4A2-4E77-A314-5D040EF4D47B}"/>
    <dgm:cxn modelId="{6F47AD40-7E1A-45EA-8BB2-B0F075C3E4EC}" type="presOf" srcId="{6B665227-E03E-4880-953B-70BCE11AD9B4}" destId="{402D293A-B93B-4A4F-A4CE-D8812CDAB19C}" srcOrd="1" destOrd="0" presId="urn:microsoft.com/office/officeart/2005/8/layout/pyramid3"/>
    <dgm:cxn modelId="{501AE161-D624-4BFC-8F41-F275A2CAEAA1}" type="presOf" srcId="{46FB5B84-487A-408F-9846-3B5F28D6DD7D}" destId="{C69A487D-FABB-46CC-994F-E33A68382F7A}" srcOrd="0" destOrd="0" presId="urn:microsoft.com/office/officeart/2005/8/layout/pyramid3"/>
    <dgm:cxn modelId="{6FF35D6C-AE5A-4004-9CE2-7ADACA5E192A}" type="presOf" srcId="{EFC817A6-CE1E-4D73-B57E-6639C5701E8F}" destId="{7C11802F-7BDF-47AA-88A7-0B944019B6A6}" srcOrd="1" destOrd="0" presId="urn:microsoft.com/office/officeart/2005/8/layout/pyramid3"/>
    <dgm:cxn modelId="{2792854C-E2DD-4618-86D6-5AB18A692888}" type="presOf" srcId="{3161B1AF-0650-4C13-8CF3-275A2BD8AB2B}" destId="{BDB1ECF1-57E5-42E2-A407-40F60647375C}" srcOrd="0" destOrd="0" presId="urn:microsoft.com/office/officeart/2005/8/layout/pyramid3"/>
    <dgm:cxn modelId="{1A74A870-EC35-4FFD-A101-BD7985696D93}" srcId="{46FB5B84-487A-408F-9846-3B5F28D6DD7D}" destId="{5A72269C-1390-45D9-959F-BF0F02D5DB90}" srcOrd="2" destOrd="0" parTransId="{7C348F54-8280-4451-BD9A-B4605BF41C29}" sibTransId="{EB7E4724-38AE-4FD3-BA72-2638A1333B3B}"/>
    <dgm:cxn modelId="{88716B7A-F2E4-432D-BFEC-CF0BCE0441A1}" type="presOf" srcId="{5A72269C-1390-45D9-959F-BF0F02D5DB90}" destId="{F8B5EF4F-B4C9-4CBB-8D60-89F3FAFFA922}" srcOrd="0" destOrd="0" presId="urn:microsoft.com/office/officeart/2005/8/layout/pyramid3"/>
    <dgm:cxn modelId="{07CDAB81-800A-4C74-8E97-730B3DB2A64C}" srcId="{46FB5B84-487A-408F-9846-3B5F28D6DD7D}" destId="{6B665227-E03E-4880-953B-70BCE11AD9B4}" srcOrd="3" destOrd="0" parTransId="{0931EEB7-4414-47F5-8185-6BB1027C2115}" sibTransId="{53481B40-1618-48F6-8DAA-03D349042978}"/>
    <dgm:cxn modelId="{2D8318B7-407D-486D-B9C7-F4D7F9892F4E}" type="presOf" srcId="{42104ECF-5293-418C-B534-CCDE1E9D65E1}" destId="{6585F9EA-144B-4D27-8ACE-F13683F4DE56}" srcOrd="1" destOrd="0" presId="urn:microsoft.com/office/officeart/2005/8/layout/pyramid3"/>
    <dgm:cxn modelId="{47567DC1-84A0-4187-89AA-A99A14996075}" type="presOf" srcId="{EFC817A6-CE1E-4D73-B57E-6639C5701E8F}" destId="{4DCAE2C4-B299-4339-86DD-95A4C073EA4D}" srcOrd="0" destOrd="0" presId="urn:microsoft.com/office/officeart/2005/8/layout/pyramid3"/>
    <dgm:cxn modelId="{D00E3AD7-8103-4015-BDB2-727A2A02B652}" type="presOf" srcId="{5A72269C-1390-45D9-959F-BF0F02D5DB90}" destId="{CA5546C6-A5F2-4336-99B6-ECCA1FCE9C61}" srcOrd="1" destOrd="0" presId="urn:microsoft.com/office/officeart/2005/8/layout/pyramid3"/>
    <dgm:cxn modelId="{9BEDA3E1-7F7F-4E17-8AF4-7B7B6DC42FE3}" type="presOf" srcId="{42104ECF-5293-418C-B534-CCDE1E9D65E1}" destId="{8B700781-6168-46DA-A475-D382A4AF7C4C}" srcOrd="0" destOrd="0" presId="urn:microsoft.com/office/officeart/2005/8/layout/pyramid3"/>
    <dgm:cxn modelId="{1F3AAEF3-8D7A-4F18-AF92-9BB08E4092FE}" srcId="{46FB5B84-487A-408F-9846-3B5F28D6DD7D}" destId="{42104ECF-5293-418C-B534-CCDE1E9D65E1}" srcOrd="0" destOrd="0" parTransId="{84A33FC8-4B43-4B8F-8045-A6DE9BEB5CA3}" sibTransId="{9D0D6358-03D0-4804-9A77-379BB67F53B6}"/>
    <dgm:cxn modelId="{80B472F9-6FE4-46FB-B986-6B617B98CC9D}" srcId="{46FB5B84-487A-408F-9846-3B5F28D6DD7D}" destId="{3161B1AF-0650-4C13-8CF3-275A2BD8AB2B}" srcOrd="4" destOrd="0" parTransId="{73A339CA-C123-41EE-AD49-5CD95A46C24B}" sibTransId="{59454370-9D7A-4A9C-A594-12B7C3429D03}"/>
    <dgm:cxn modelId="{CF4AA9FD-52D3-423A-9014-B49E099FF25E}" type="presOf" srcId="{3161B1AF-0650-4C13-8CF3-275A2BD8AB2B}" destId="{96F65489-24B4-4911-A619-B79D191B3335}" srcOrd="1" destOrd="0" presId="urn:microsoft.com/office/officeart/2005/8/layout/pyramid3"/>
    <dgm:cxn modelId="{5B0581BD-6825-402B-91FD-ED703AE2C52B}" type="presParOf" srcId="{C69A487D-FABB-46CC-994F-E33A68382F7A}" destId="{8CB4EFB7-FCAE-4D8C-BE31-640DC24706F6}" srcOrd="0" destOrd="0" presId="urn:microsoft.com/office/officeart/2005/8/layout/pyramid3"/>
    <dgm:cxn modelId="{96C4F7DD-9FFA-4F07-8A66-AC3C09F30821}" type="presParOf" srcId="{8CB4EFB7-FCAE-4D8C-BE31-640DC24706F6}" destId="{8B700781-6168-46DA-A475-D382A4AF7C4C}" srcOrd="0" destOrd="0" presId="urn:microsoft.com/office/officeart/2005/8/layout/pyramid3"/>
    <dgm:cxn modelId="{74D0ADAC-484C-43D8-8938-F58CF32637C9}" type="presParOf" srcId="{8CB4EFB7-FCAE-4D8C-BE31-640DC24706F6}" destId="{6585F9EA-144B-4D27-8ACE-F13683F4DE56}" srcOrd="1" destOrd="0" presId="urn:microsoft.com/office/officeart/2005/8/layout/pyramid3"/>
    <dgm:cxn modelId="{9D328AF6-36B0-4F2D-A8F2-B44D64CE75AE}" type="presParOf" srcId="{C69A487D-FABB-46CC-994F-E33A68382F7A}" destId="{FF501BB4-FA80-4E92-9BCF-637CE317F1AC}" srcOrd="1" destOrd="0" presId="urn:microsoft.com/office/officeart/2005/8/layout/pyramid3"/>
    <dgm:cxn modelId="{0B85B52B-4AAB-47FB-A483-9C29B52282D6}" type="presParOf" srcId="{FF501BB4-FA80-4E92-9BCF-637CE317F1AC}" destId="{4DCAE2C4-B299-4339-86DD-95A4C073EA4D}" srcOrd="0" destOrd="0" presId="urn:microsoft.com/office/officeart/2005/8/layout/pyramid3"/>
    <dgm:cxn modelId="{45873BFF-5DAB-4C75-8B88-DAD53439644B}" type="presParOf" srcId="{FF501BB4-FA80-4E92-9BCF-637CE317F1AC}" destId="{7C11802F-7BDF-47AA-88A7-0B944019B6A6}" srcOrd="1" destOrd="0" presId="urn:microsoft.com/office/officeart/2005/8/layout/pyramid3"/>
    <dgm:cxn modelId="{195659C1-F242-4FFB-BEA3-904F295A2ED5}" type="presParOf" srcId="{C69A487D-FABB-46CC-994F-E33A68382F7A}" destId="{A6ACDB13-D589-4B92-9A8A-07F63DD6C0BF}" srcOrd="2" destOrd="0" presId="urn:microsoft.com/office/officeart/2005/8/layout/pyramid3"/>
    <dgm:cxn modelId="{BDCEB662-2290-46BC-8C2D-49FCBB592935}" type="presParOf" srcId="{A6ACDB13-D589-4B92-9A8A-07F63DD6C0BF}" destId="{F8B5EF4F-B4C9-4CBB-8D60-89F3FAFFA922}" srcOrd="0" destOrd="0" presId="urn:microsoft.com/office/officeart/2005/8/layout/pyramid3"/>
    <dgm:cxn modelId="{70A686C9-A28E-4D8A-9063-3710581E0185}" type="presParOf" srcId="{A6ACDB13-D589-4B92-9A8A-07F63DD6C0BF}" destId="{CA5546C6-A5F2-4336-99B6-ECCA1FCE9C61}" srcOrd="1" destOrd="0" presId="urn:microsoft.com/office/officeart/2005/8/layout/pyramid3"/>
    <dgm:cxn modelId="{775E334C-F4A5-4218-A653-1BDF0B04B8BA}" type="presParOf" srcId="{C69A487D-FABB-46CC-994F-E33A68382F7A}" destId="{614112BE-6063-482D-9F0C-DCDA0DE0DD63}" srcOrd="3" destOrd="0" presId="urn:microsoft.com/office/officeart/2005/8/layout/pyramid3"/>
    <dgm:cxn modelId="{3656362A-5EE6-4E2D-9D6F-3A16971C6765}" type="presParOf" srcId="{614112BE-6063-482D-9F0C-DCDA0DE0DD63}" destId="{1661FFDD-BA93-4539-A280-3789F009C77E}" srcOrd="0" destOrd="0" presId="urn:microsoft.com/office/officeart/2005/8/layout/pyramid3"/>
    <dgm:cxn modelId="{13473978-F0D2-4E90-B217-D7D892FE4AD2}" type="presParOf" srcId="{614112BE-6063-482D-9F0C-DCDA0DE0DD63}" destId="{402D293A-B93B-4A4F-A4CE-D8812CDAB19C}" srcOrd="1" destOrd="0" presId="urn:microsoft.com/office/officeart/2005/8/layout/pyramid3"/>
    <dgm:cxn modelId="{75AFF11F-6E62-4E5E-8B66-44EFFCD38F36}" type="presParOf" srcId="{C69A487D-FABB-46CC-994F-E33A68382F7A}" destId="{9DC7AFD9-6672-4E4B-B4D9-5CF00A1EB304}" srcOrd="4" destOrd="0" presId="urn:microsoft.com/office/officeart/2005/8/layout/pyramid3"/>
    <dgm:cxn modelId="{103BA808-0010-4F85-BF23-33FC037A0FB6}" type="presParOf" srcId="{9DC7AFD9-6672-4E4B-B4D9-5CF00A1EB304}" destId="{BDB1ECF1-57E5-42E2-A407-40F60647375C}" srcOrd="0" destOrd="0" presId="urn:microsoft.com/office/officeart/2005/8/layout/pyramid3"/>
    <dgm:cxn modelId="{1F434435-FA5F-43E9-8B27-118A8E8A405D}" type="presParOf" srcId="{9DC7AFD9-6672-4E4B-B4D9-5CF00A1EB304}" destId="{96F65489-24B4-4911-A619-B79D191B3335}" srcOrd="1" destOrd="0" presId="urn:microsoft.com/office/officeart/2005/8/layout/pyramid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B700781-6168-46DA-A475-D382A4AF7C4C}">
      <dsp:nvSpPr>
        <dsp:cNvPr id="0" name=""/>
        <dsp:cNvSpPr/>
      </dsp:nvSpPr>
      <dsp:spPr>
        <a:xfrm rot="10800000">
          <a:off x="0" y="0"/>
          <a:ext cx="7690144" cy="389106"/>
        </a:xfrm>
        <a:prstGeom prst="trapezoid">
          <a:avLst>
            <a:gd name="adj" fmla="val 1154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800100">
            <a:lnSpc>
              <a:spcPct val="90000"/>
            </a:lnSpc>
            <a:spcBef>
              <a:spcPct val="0"/>
            </a:spcBef>
            <a:spcAft>
              <a:spcPct val="35000"/>
            </a:spcAft>
            <a:buNone/>
          </a:pPr>
          <a:r>
            <a:rPr lang="nl-NL" sz="1800" kern="1200" dirty="0">
              <a:solidFill>
                <a:schemeClr val="bg1"/>
              </a:solidFill>
            </a:rPr>
            <a:t>Doelstellingen</a:t>
          </a:r>
        </a:p>
      </dsp:txBody>
      <dsp:txXfrm rot="-10800000">
        <a:off x="1345775" y="0"/>
        <a:ext cx="4998594" cy="389106"/>
      </dsp:txXfrm>
    </dsp:sp>
    <dsp:sp modelId="{4DCAE2C4-B299-4339-86DD-95A4C073EA4D}">
      <dsp:nvSpPr>
        <dsp:cNvPr id="0" name=""/>
        <dsp:cNvSpPr/>
      </dsp:nvSpPr>
      <dsp:spPr>
        <a:xfrm rot="10800000">
          <a:off x="449029" y="389106"/>
          <a:ext cx="6792086" cy="389106"/>
        </a:xfrm>
        <a:prstGeom prst="trapezoid">
          <a:avLst>
            <a:gd name="adj" fmla="val 1154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800100">
            <a:lnSpc>
              <a:spcPct val="90000"/>
            </a:lnSpc>
            <a:spcBef>
              <a:spcPct val="0"/>
            </a:spcBef>
            <a:spcAft>
              <a:spcPct val="35000"/>
            </a:spcAft>
            <a:buNone/>
          </a:pPr>
          <a:r>
            <a:rPr lang="nl-NL" sz="1800" kern="1200">
              <a:solidFill>
                <a:schemeClr val="bg1"/>
              </a:solidFill>
            </a:rPr>
            <a:t>Maatstaven</a:t>
          </a:r>
        </a:p>
      </dsp:txBody>
      <dsp:txXfrm rot="-10800000">
        <a:off x="1637644" y="389106"/>
        <a:ext cx="4414856" cy="389106"/>
      </dsp:txXfrm>
    </dsp:sp>
    <dsp:sp modelId="{F8B5EF4F-B4C9-4CBB-8D60-89F3FAFFA922}">
      <dsp:nvSpPr>
        <dsp:cNvPr id="0" name=""/>
        <dsp:cNvSpPr/>
      </dsp:nvSpPr>
      <dsp:spPr>
        <a:xfrm rot="10800000">
          <a:off x="898058" y="778212"/>
          <a:ext cx="5894028" cy="389106"/>
        </a:xfrm>
        <a:prstGeom prst="trapezoid">
          <a:avLst>
            <a:gd name="adj" fmla="val 1154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800100">
            <a:lnSpc>
              <a:spcPct val="90000"/>
            </a:lnSpc>
            <a:spcBef>
              <a:spcPct val="0"/>
            </a:spcBef>
            <a:spcAft>
              <a:spcPct val="35000"/>
            </a:spcAft>
            <a:buNone/>
          </a:pPr>
          <a:r>
            <a:rPr lang="nl-NL" sz="1800" kern="1200" dirty="0">
              <a:solidFill>
                <a:schemeClr val="bg1"/>
              </a:solidFill>
            </a:rPr>
            <a:t>Bandbreedte</a:t>
          </a:r>
        </a:p>
      </dsp:txBody>
      <dsp:txXfrm rot="-10800000">
        <a:off x="1929513" y="778212"/>
        <a:ext cx="3831118" cy="389106"/>
      </dsp:txXfrm>
    </dsp:sp>
    <dsp:sp modelId="{1661FFDD-BA93-4539-A280-3789F009C77E}">
      <dsp:nvSpPr>
        <dsp:cNvPr id="0" name=""/>
        <dsp:cNvSpPr/>
      </dsp:nvSpPr>
      <dsp:spPr>
        <a:xfrm rot="10800000">
          <a:off x="1347087" y="1167319"/>
          <a:ext cx="4995970" cy="422227"/>
        </a:xfrm>
        <a:prstGeom prst="trapezoid">
          <a:avLst>
            <a:gd name="adj" fmla="val 1154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800100">
            <a:lnSpc>
              <a:spcPct val="90000"/>
            </a:lnSpc>
            <a:spcBef>
              <a:spcPct val="0"/>
            </a:spcBef>
            <a:spcAft>
              <a:spcPct val="35000"/>
            </a:spcAft>
            <a:buNone/>
          </a:pPr>
          <a:r>
            <a:rPr lang="nl-NL" sz="1800" kern="1200">
              <a:solidFill>
                <a:schemeClr val="bg1"/>
              </a:solidFill>
            </a:rPr>
            <a:t>Voorrangsregels</a:t>
          </a:r>
        </a:p>
      </dsp:txBody>
      <dsp:txXfrm rot="-10800000">
        <a:off x="2221382" y="1167319"/>
        <a:ext cx="3247380" cy="422227"/>
      </dsp:txXfrm>
    </dsp:sp>
    <dsp:sp modelId="{BDB1ECF1-57E5-42E2-A407-40F60647375C}">
      <dsp:nvSpPr>
        <dsp:cNvPr id="0" name=""/>
        <dsp:cNvSpPr/>
      </dsp:nvSpPr>
      <dsp:spPr>
        <a:xfrm rot="10800000">
          <a:off x="1834337" y="1589546"/>
          <a:ext cx="4021469" cy="1742403"/>
        </a:xfrm>
        <a:prstGeom prst="trapezoid">
          <a:avLst>
            <a:gd name="adj" fmla="val 1154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2860" tIns="22860" rIns="22860" bIns="22860" numCol="1" spcCol="1270" anchor="ctr" anchorCtr="0">
          <a:noAutofit/>
        </a:bodyPr>
        <a:lstStyle/>
        <a:p>
          <a:pPr marL="0" lvl="0" indent="0" algn="ctr" defTabSz="800100">
            <a:lnSpc>
              <a:spcPct val="90000"/>
            </a:lnSpc>
            <a:spcBef>
              <a:spcPct val="0"/>
            </a:spcBef>
            <a:spcAft>
              <a:spcPct val="35000"/>
            </a:spcAft>
            <a:buNone/>
          </a:pPr>
          <a:r>
            <a:rPr lang="nl-NL" sz="1800" kern="1200">
              <a:solidFill>
                <a:schemeClr val="bg1"/>
              </a:solidFill>
            </a:rPr>
            <a:t>Evenwichtigheids- </a:t>
          </a:r>
          <a:br>
            <a:rPr lang="nl-NL" sz="1800" kern="1200">
              <a:solidFill>
                <a:schemeClr val="bg1"/>
              </a:solidFill>
            </a:rPr>
          </a:br>
          <a:r>
            <a:rPr lang="nl-NL" sz="1800" kern="1200">
              <a:solidFill>
                <a:schemeClr val="bg1"/>
              </a:solidFill>
            </a:rPr>
            <a:t>afweging</a:t>
          </a:r>
          <a:endParaRPr lang="nl-NL" sz="3600" kern="1200">
            <a:solidFill>
              <a:schemeClr val="bg1"/>
            </a:solidFill>
          </a:endParaRPr>
        </a:p>
      </dsp:txBody>
      <dsp:txXfrm rot="-10800000">
        <a:off x="1834337" y="1589546"/>
        <a:ext cx="4021469" cy="1742403"/>
      </dsp:txXfrm>
    </dsp:sp>
  </dsp:spTree>
</dsp:drawing>
</file>

<file path=ppt/diagrams/layout1.xml><?xml version="1.0" encoding="utf-8"?>
<dgm:layoutDef xmlns:dgm="http://schemas.openxmlformats.org/drawingml/2006/diagram" xmlns:a="http://schemas.openxmlformats.org/drawingml/2006/main" uniqueId="urn:microsoft.com/office/officeart/2005/8/layout/pyramid3">
  <dgm:title val=""/>
  <dgm:desc val=""/>
  <dgm:catLst>
    <dgm:cat type="pyramid" pri="2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pyra">
          <dgm:param type="linDir" val="fromT"/>
          <dgm:param type="txDir" val="fromT"/>
          <dgm:param type="pyraAcctPos" val="aft"/>
          <dgm:param type="pyraAcctTxMar" val="step"/>
          <dgm:param type="pyraAcctBkgdNode" val="acctBkgd"/>
          <dgm:param type="pyraAcctTxNode" val="acctTx"/>
          <dgm:param type="pyraLvlNode" val="level"/>
        </dgm:alg>
      </dgm:if>
      <dgm:else name="Name3">
        <dgm:alg type="pyra">
          <dgm:param type="linDir" val="fromT"/>
          <dgm:param type="txDir" val="fromT"/>
          <dgm:param type="pyraAcctPos" val="bef"/>
          <dgm:param type="pyraAcctTxMar" val="step"/>
          <dgm:param type="pyraAcctBkgdNode" val="acctBkgd"/>
          <dgm:param type="pyraAcctTxNode" val="acctTx"/>
          <dgm:param type="pyraLvlNode" val="level"/>
        </dgm:alg>
      </dgm:else>
    </dgm:choose>
    <dgm:shape xmlns:r="http://schemas.openxmlformats.org/officeDocument/2006/relationships" r:blip="">
      <dgm:adjLst/>
    </dgm:shape>
    <dgm:presOf/>
    <dgm:choose name="Name4">
      <dgm:if name="Name5" axis="root des" ptType="all node" func="maxDepth" op="gte" val="2">
        <dgm:constrLst>
          <dgm:constr type="primFontSz" for="des" forName="levelTx" op="equ"/>
          <dgm:constr type="secFontSz" for="des" forName="acctTx" op="equ"/>
          <dgm:constr type="pyraAcctRatio" val="0.32"/>
        </dgm:constrLst>
      </dgm:if>
      <dgm:else name="Name6">
        <dgm:constrLst>
          <dgm:constr type="primFontSz" for="des" forName="levelTx" op="equ"/>
          <dgm:constr type="secFontSz" for="des" forName="acctTx" op="equ"/>
          <dgm:constr type="pyraAcctRatio"/>
        </dgm:constrLst>
      </dgm:else>
    </dgm:choose>
    <dgm:ruleLst/>
    <dgm:forEach name="Name7" axis="ch" ptType="node">
      <dgm:layoutNode name="Name8">
        <dgm:alg type="composite">
          <dgm:param type="horzAlign" val="none"/>
        </dgm:alg>
        <dgm:shape xmlns:r="http://schemas.openxmlformats.org/officeDocument/2006/relationships" r:blip="">
          <dgm:adjLst/>
        </dgm:shape>
        <dgm:presOf/>
        <dgm:choose name="Name9">
          <dgm:if name="Name10" axis="self" ptType="node" func="revPos" op="equ" val="1">
            <dgm:constrLst>
              <dgm:constr type="ctrX" for="ch" forName="acctBkgd" val="1"/>
              <dgm:constr type="ctrY" for="ch" forName="acctBkgd" val="1"/>
              <dgm:constr type="w" for="ch" forName="acctBkgd" val="1"/>
              <dgm:constr type="h" for="ch" forName="acctBkgd" val="1"/>
              <dgm:constr type="ctrX" for="ch" forName="acctTx" val="1"/>
              <dgm:constr type="ctrY" for="ch" forName="acctTx" val="1"/>
              <dgm:constr type="w" for="ch" forName="acctTx" val="1"/>
              <dgm:constr type="h" for="ch" forName="acctTx" val="1"/>
              <dgm:constr type="ctrX" for="ch" forName="level" val="1"/>
              <dgm:constr type="ctrY" for="ch" forName="level" val="1"/>
              <dgm:constr type="w" for="ch" forName="level" val="1"/>
              <dgm:constr type="h" for="ch" forName="level" val="1"/>
              <dgm:constr type="ctrX" for="ch" forName="levelTx" refType="ctrX" refFor="ch" refForName="level"/>
              <dgm:constr type="ctrY" for="ch" forName="levelTx" refType="ctrY" refFor="ch" refForName="level"/>
              <dgm:constr type="w" for="ch" forName="levelTx" refType="w" refFor="ch" refForName="level"/>
              <dgm:constr type="h" for="ch" forName="levelTx" refType="h" refFor="ch" refForName="level"/>
            </dgm:constrLst>
          </dgm:if>
          <dgm:else name="Name11">
            <dgm:constrLst>
              <dgm:constr type="ctrX" for="ch" forName="acctBkgd" val="1"/>
              <dgm:constr type="ctrY" for="ch" forName="acctBkgd" val="1"/>
              <dgm:constr type="w" for="ch" forName="acctBkgd" val="1"/>
              <dgm:constr type="h" for="ch" forName="acctBkgd" val="1"/>
              <dgm:constr type="ctrX" for="ch" forName="acctTx" val="1"/>
              <dgm:constr type="ctrY" for="ch" forName="acctTx" val="1"/>
              <dgm:constr type="w" for="ch" forName="acctTx" val="1"/>
              <dgm:constr type="h" for="ch" forName="acctTx" val="1"/>
              <dgm:constr type="ctrX" for="ch" forName="level" val="1"/>
              <dgm:constr type="ctrY" for="ch" forName="level" val="1"/>
              <dgm:constr type="w" for="ch" forName="level" val="1"/>
              <dgm:constr type="h" for="ch" forName="level" val="1"/>
              <dgm:constr type="ctrX" for="ch" forName="levelTx" refType="ctrX" refFor="ch" refForName="level"/>
              <dgm:constr type="ctrY" for="ch" forName="levelTx" refType="ctrY" refFor="ch" refForName="level"/>
              <dgm:constr type="w" for="ch" forName="levelTx" refType="w" refFor="ch" refForName="level" fact="0.65"/>
              <dgm:constr type="h" for="ch" forName="levelTx" refType="h" refFor="ch" refForName="level"/>
            </dgm:constrLst>
          </dgm:else>
        </dgm:choose>
        <dgm:ruleLst/>
        <dgm:choose name="Name12">
          <dgm:if name="Name13" axis="ch" ptType="node" func="cnt" op="gte" val="1">
            <dgm:layoutNode name="acctBkgd" styleLbl="alignAcc1">
              <dgm:alg type="sp"/>
              <dgm:shape xmlns:r="http://schemas.openxmlformats.org/officeDocument/2006/relationships" type="nonIsoscelesTrapezoid" r:blip="">
                <dgm:adjLst/>
              </dgm:shape>
              <dgm:presOf axis="des" ptType="node"/>
              <dgm:constrLst/>
              <dgm:ruleLst/>
            </dgm:layoutNode>
            <dgm:layoutNode name="acctTx" styleLbl="alignAcc1">
              <dgm:varLst>
                <dgm:bulletEnabled val="1"/>
              </dgm:varLst>
              <dgm:alg type="tx">
                <dgm:param type="stBulletLvl" val="1"/>
                <dgm:param type="txAnchorVertCh" val="t"/>
              </dgm:alg>
              <dgm:shape xmlns:r="http://schemas.openxmlformats.org/officeDocument/2006/relationships" type="nonIsoscelesTrapezoid" r:blip="" hideGeom="1">
                <dgm:adjLst/>
              </dgm:shape>
              <dgm:presOf axis="des" ptType="node"/>
              <dgm:constrLst>
                <dgm:constr type="secFontSz" val="65"/>
                <dgm:constr type="primFontSz" refType="secFontSz"/>
                <dgm:constr type="tMarg" refType="secFontSz" fact="0.3"/>
                <dgm:constr type="bMarg" refType="secFontSz" fact="0.3"/>
                <dgm:constr type="lMarg" refType="secFontSz" fact="0.3"/>
                <dgm:constr type="rMarg" refType="secFontSz" fact="0.3"/>
              </dgm:constrLst>
              <dgm:ruleLst>
                <dgm:rule type="secFontSz" val="5" fact="NaN" max="NaN"/>
              </dgm:ruleLst>
            </dgm:layoutNode>
          </dgm:if>
          <dgm:else name="Name14"/>
        </dgm:choose>
        <dgm:layoutNode name="level">
          <dgm:varLst>
            <dgm:chMax val="1"/>
            <dgm:bulletEnabled val="1"/>
          </dgm:varLst>
          <dgm:alg type="sp"/>
          <dgm:shape xmlns:r="http://schemas.openxmlformats.org/officeDocument/2006/relationships" type="trapezoid" r:blip="">
            <dgm:adjLst/>
          </dgm:shape>
          <dgm:presOf axis="self"/>
          <dgm:constrLst>
            <dgm:constr type="h" val="500"/>
            <dgm:constr type="w" val="1"/>
          </dgm:constrLst>
          <dgm:ruleLst/>
        </dgm:layoutNode>
        <dgm:layoutNode name="levelTx" styleLbl="revTx">
          <dgm:varLst>
            <dgm:chMax val="1"/>
            <dgm:bulletEnabled val="1"/>
          </dgm:varLst>
          <dgm:alg type="tx"/>
          <dgm:shape xmlns:r="http://schemas.openxmlformats.org/officeDocument/2006/relationships" type="rect" r:blip="" hideGeom="1">
            <dgm:adjLst/>
          </dgm:shape>
          <dgm:presOf axis="self"/>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00D5B51-A3C5-4FC7-8A0D-54EFEFAFACD3}" type="datetimeFigureOut">
              <a:rPr lang="nl-NL" smtClean="0"/>
              <a:t>17-6-2024</a:t>
            </a:fld>
            <a:endParaRPr lang="nl-NL"/>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Klik om de modelstijlen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9513F78-5509-4637-B397-C3DEABA56153}" type="slidenum">
              <a:rPr lang="nl-NL" smtClean="0"/>
              <a:t>‹nr.›</a:t>
            </a:fld>
            <a:endParaRPr lang="nl-NL"/>
          </a:p>
        </p:txBody>
      </p:sp>
    </p:spTree>
    <p:extLst>
      <p:ext uri="{BB962C8B-B14F-4D97-AF65-F5344CB8AC3E}">
        <p14:creationId xmlns:p14="http://schemas.microsoft.com/office/powerpoint/2010/main" val="413885097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nl-NL" dirty="0"/>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3</a:t>
            </a:fld>
            <a:endParaRPr lang="nl-NL"/>
          </a:p>
        </p:txBody>
      </p:sp>
    </p:spTree>
    <p:extLst>
      <p:ext uri="{BB962C8B-B14F-4D97-AF65-F5344CB8AC3E}">
        <p14:creationId xmlns:p14="http://schemas.microsoft.com/office/powerpoint/2010/main" val="857055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nl-BE" dirty="0"/>
          </a:p>
          <a:p>
            <a:endParaRPr lang="nl-BE" dirty="0"/>
          </a:p>
        </p:txBody>
      </p:sp>
      <p:sp>
        <p:nvSpPr>
          <p:cNvPr id="4" name="Tijdelijke aanduiding voor dia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9513F78-5509-4637-B397-C3DEABA56153}" type="slidenum">
              <a:rPr kumimoji="0" lang="nl-NL"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nl-NL"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5" name="Tijdelijke aanduiding voor voettekst 4">
            <a:extLst>
              <a:ext uri="{FF2B5EF4-FFF2-40B4-BE49-F238E27FC236}">
                <a16:creationId xmlns:a16="http://schemas.microsoft.com/office/drawing/2014/main" id="{D51FBC76-E9CC-4B3D-2BFA-A3E01D0C021D}"/>
              </a:ext>
            </a:extLst>
          </p:cNvPr>
          <p:cNvSpPr>
            <a:spLocks noGrp="1"/>
          </p:cNvSpPr>
          <p:nvPr>
            <p:ph type="ftr" sz="quarter" idx="4"/>
          </p:nvPr>
        </p:nvSpPr>
        <p:spPr/>
        <p:txBody>
          <a:bodyPr/>
          <a:lstStyle/>
          <a:p>
            <a:r>
              <a:rPr lang="nl-NL"/>
              <a:t>CONCEPT</a:t>
            </a:r>
          </a:p>
        </p:txBody>
      </p:sp>
      <p:sp>
        <p:nvSpPr>
          <p:cNvPr id="6" name="Tijdelijke aanduiding voor koptekst 5">
            <a:extLst>
              <a:ext uri="{FF2B5EF4-FFF2-40B4-BE49-F238E27FC236}">
                <a16:creationId xmlns:a16="http://schemas.microsoft.com/office/drawing/2014/main" id="{80C8A7BA-12A6-249A-2A63-8B93158E946F}"/>
              </a:ext>
            </a:extLst>
          </p:cNvPr>
          <p:cNvSpPr>
            <a:spLocks noGrp="1"/>
          </p:cNvSpPr>
          <p:nvPr>
            <p:ph type="hdr" sz="quarter"/>
          </p:nvPr>
        </p:nvSpPr>
        <p:spPr/>
        <p:txBody>
          <a:bodyPr/>
          <a:lstStyle/>
          <a:p>
            <a:r>
              <a:rPr lang="nl-NL"/>
              <a:t>CONCEPT</a:t>
            </a:r>
          </a:p>
        </p:txBody>
      </p:sp>
    </p:spTree>
    <p:extLst>
      <p:ext uri="{BB962C8B-B14F-4D97-AF65-F5344CB8AC3E}">
        <p14:creationId xmlns:p14="http://schemas.microsoft.com/office/powerpoint/2010/main" val="342208820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Voorpagina (Blauw)">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A472981F-0950-11BF-7532-49B71F309AFC}"/>
              </a:ext>
            </a:extLst>
          </p:cNvPr>
          <p:cNvSpPr/>
          <p:nvPr userDrawn="1"/>
        </p:nvSpPr>
        <p:spPr>
          <a:xfrm>
            <a:off x="-192881" y="0"/>
            <a:ext cx="9336881" cy="52443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5" name="Picture 4">
            <a:extLst>
              <a:ext uri="{FF2B5EF4-FFF2-40B4-BE49-F238E27FC236}">
                <a16:creationId xmlns:a16="http://schemas.microsoft.com/office/drawing/2014/main" id="{C5DDF5EA-C147-3529-8853-16D86285A654}"/>
              </a:ext>
            </a:extLst>
          </p:cNvPr>
          <p:cNvPicPr>
            <a:picLocks noChangeAspect="1"/>
          </p:cNvPicPr>
          <p:nvPr userDrawn="1"/>
        </p:nvPicPr>
        <p:blipFill>
          <a:blip r:embed="rId2"/>
          <a:srcRect t="2940"/>
          <a:stretch>
            <a:fillRect/>
          </a:stretch>
        </p:blipFill>
        <p:spPr>
          <a:xfrm>
            <a:off x="-367872" y="0"/>
            <a:ext cx="7655688" cy="5244300"/>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723fa92d-f53f-4868-a28e-65d4935b8fcd&quot;}}">
            <a:extLst>
              <a:ext uri="{FF2B5EF4-FFF2-40B4-BE49-F238E27FC236}">
                <a16:creationId xmlns:a16="http://schemas.microsoft.com/office/drawing/2014/main" id="{13E8B1FD-06D3-1D3D-95CE-2EDFCFDCBF39}"/>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9" name="Text Placeholder 7">
            <a:extLst>
              <a:ext uri="{FF2B5EF4-FFF2-40B4-BE49-F238E27FC236}">
                <a16:creationId xmlns:a16="http://schemas.microsoft.com/office/drawing/2014/main" id="{D4DF47EF-6FD3-8974-6347-19105660ECB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12" name="Text Placeholder 10">
            <a:extLst>
              <a:ext uri="{FF2B5EF4-FFF2-40B4-BE49-F238E27FC236}">
                <a16:creationId xmlns:a16="http://schemas.microsoft.com/office/drawing/2014/main" id="{030CB566-3812-DE5A-43D8-70D05DBFCA29}"/>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sp>
        <p:nvSpPr>
          <p:cNvPr id="7" name="Name" descr="{&quot;templafy&quot;:{&quot;id&quot;:&quot;a07451e7-6994-4e8c-af3c-6f9a293ea72b&quot;}}">
            <a:extLst>
              <a:ext uri="{FF2B5EF4-FFF2-40B4-BE49-F238E27FC236}">
                <a16:creationId xmlns:a16="http://schemas.microsoft.com/office/drawing/2014/main" id="{52D0E052-B47A-F199-16AA-C3924F12888B}"/>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a:p>
        </p:txBody>
      </p:sp>
      <p:pic>
        <p:nvPicPr>
          <p:cNvPr id="8" name="Picture 7">
            <a:extLst>
              <a:ext uri="{FF2B5EF4-FFF2-40B4-BE49-F238E27FC236}">
                <a16:creationId xmlns:a16="http://schemas.microsoft.com/office/drawing/2014/main" id="{C9B6EEF4-3C3C-7A6D-E9EA-3EEA93F2D239}"/>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117110171"/>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Kleurverloop rechts">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08ABE741-2488-CF81-B0CC-FE756926756B}"/>
              </a:ext>
            </a:extLst>
          </p:cNvPr>
          <p:cNvSpPr/>
          <p:nvPr userDrawn="1"/>
        </p:nvSpPr>
        <p:spPr>
          <a:xfrm>
            <a:off x="0" y="252000"/>
            <a:ext cx="9144000" cy="499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5" name="Freeform: Shape 4">
            <a:extLst>
              <a:ext uri="{FF2B5EF4-FFF2-40B4-BE49-F238E27FC236}">
                <a16:creationId xmlns:a16="http://schemas.microsoft.com/office/drawing/2014/main" id="{ED49BE91-596B-DA89-FBE1-69E2C2785275}"/>
              </a:ext>
            </a:extLst>
          </p:cNvPr>
          <p:cNvSpPr/>
          <p:nvPr userDrawn="1"/>
        </p:nvSpPr>
        <p:spPr>
          <a:xfrm>
            <a:off x="6084000" y="252000"/>
            <a:ext cx="3060000" cy="4992300"/>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2" name="Title 11">
            <a:extLst>
              <a:ext uri="{FF2B5EF4-FFF2-40B4-BE49-F238E27FC236}">
                <a16:creationId xmlns:a16="http://schemas.microsoft.com/office/drawing/2014/main" id="{344EEB74-3D0D-D422-4997-5FF839E9590C}"/>
              </a:ext>
            </a:extLst>
          </p:cNvPr>
          <p:cNvSpPr>
            <a:spLocks noGrp="1"/>
          </p:cNvSpPr>
          <p:nvPr>
            <p:ph type="title"/>
          </p:nvPr>
        </p:nvSpPr>
        <p:spPr>
          <a:xfrm>
            <a:off x="6594541" y="435548"/>
            <a:ext cx="2016000" cy="1086405"/>
          </a:xfrm>
        </p:spPr>
        <p:txBody>
          <a:bodyPr/>
          <a:lstStyle/>
          <a:p>
            <a:r>
              <a:rPr lang="en-US"/>
              <a:t>Click to edit Master title style</a:t>
            </a:r>
            <a:endParaRPr lang="en-GB"/>
          </a:p>
        </p:txBody>
      </p:sp>
      <p:sp>
        <p:nvSpPr>
          <p:cNvPr id="20" name="Text Placeholder 15">
            <a:extLst>
              <a:ext uri="{FF2B5EF4-FFF2-40B4-BE49-F238E27FC236}">
                <a16:creationId xmlns:a16="http://schemas.microsoft.com/office/drawing/2014/main" id="{9A456415-937D-EDA0-96CE-C076141B8580}"/>
              </a:ext>
            </a:extLst>
          </p:cNvPr>
          <p:cNvSpPr>
            <a:spLocks noGrp="1"/>
          </p:cNvSpPr>
          <p:nvPr>
            <p:ph type="body" sz="quarter" idx="14"/>
          </p:nvPr>
        </p:nvSpPr>
        <p:spPr>
          <a:xfrm>
            <a:off x="6628918" y="1796022"/>
            <a:ext cx="2016000" cy="25830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Content Placeholder 5">
            <a:extLst>
              <a:ext uri="{FF2B5EF4-FFF2-40B4-BE49-F238E27FC236}">
                <a16:creationId xmlns:a16="http://schemas.microsoft.com/office/drawing/2014/main" id="{C97DF92B-D572-18ED-78FB-C6F41FFC6EDC}"/>
              </a:ext>
            </a:extLst>
          </p:cNvPr>
          <p:cNvSpPr>
            <a:spLocks noGrp="1"/>
          </p:cNvSpPr>
          <p:nvPr>
            <p:ph sz="quarter" idx="15" hasCustomPrompt="1"/>
          </p:nvPr>
        </p:nvSpPr>
        <p:spPr>
          <a:xfrm>
            <a:off x="511199" y="435548"/>
            <a:ext cx="5062259" cy="3943520"/>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
        <p:nvSpPr>
          <p:cNvPr id="2" name="Slide Number Placeholder 2">
            <a:extLst>
              <a:ext uri="{FF2B5EF4-FFF2-40B4-BE49-F238E27FC236}">
                <a16:creationId xmlns:a16="http://schemas.microsoft.com/office/drawing/2014/main" id="{30A54039-8A90-CDCC-05F5-A87EB2B97B19}"/>
              </a:ext>
            </a:extLst>
          </p:cNvPr>
          <p:cNvSpPr>
            <a:spLocks noGrp="1"/>
          </p:cNvSpPr>
          <p:nvPr>
            <p:ph type="sldNum" sz="quarter" idx="10"/>
          </p:nvPr>
        </p:nvSpPr>
        <p:spPr>
          <a:xfrm>
            <a:off x="8119110" y="4741067"/>
            <a:ext cx="519115" cy="197644"/>
          </a:xfrm>
        </p:spPr>
        <p:txBody>
          <a:bodyPr/>
          <a:lstStyle>
            <a:lvl1pPr>
              <a:defRPr>
                <a:solidFill>
                  <a:schemeClr val="bg1"/>
                </a:solidFill>
              </a:defRPr>
            </a:lvl1pPr>
          </a:lstStyle>
          <a:p>
            <a:fld id="{A57ACD69-77E0-4B27-BE9A-0E1A45A60CED}" type="slidenum">
              <a:rPr lang="en-US" smtClean="0"/>
              <a:pPr/>
              <a:t>‹nr.›</a:t>
            </a:fld>
            <a:endParaRPr lang="en-GB"/>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303977987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ee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0D39B93F-4960-5CF8-D79E-C97A2C76BE87}"/>
              </a:ext>
            </a:extLst>
          </p:cNvPr>
          <p:cNvSpPr/>
          <p:nvPr userDrawn="1"/>
        </p:nvSpPr>
        <p:spPr>
          <a:xfrm>
            <a:off x="0" y="252000"/>
            <a:ext cx="9144000" cy="4896000"/>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421269507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fbeelding">
    <p:spTree>
      <p:nvGrpSpPr>
        <p:cNvPr id="1" name=""/>
        <p:cNvGrpSpPr/>
        <p:nvPr/>
      </p:nvGrpSpPr>
      <p:grpSpPr>
        <a:xfrm>
          <a:off x="0" y="0"/>
          <a:ext cx="0" cy="0"/>
          <a:chOff x="0" y="0"/>
          <a:chExt cx="0" cy="0"/>
        </a:xfrm>
      </p:grpSpPr>
      <p:pic>
        <p:nvPicPr>
          <p:cNvPr id="5" name="Graphic 4" hidden="1">
            <a:extLst>
              <a:ext uri="{FF2B5EF4-FFF2-40B4-BE49-F238E27FC236}">
                <a16:creationId xmlns:a16="http://schemas.microsoft.com/office/drawing/2014/main" id="{20B60159-27EF-393C-8AB6-40BE1DCA8F27}"/>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0" y="0"/>
            <a:ext cx="9144000" cy="5143500"/>
          </a:xfrm>
          <a:prstGeom prst="rect">
            <a:avLst/>
          </a:prstGeom>
        </p:spPr>
      </p:pic>
      <p:sp>
        <p:nvSpPr>
          <p:cNvPr id="7" name="Picture Placeholder 6">
            <a:extLst>
              <a:ext uri="{FF2B5EF4-FFF2-40B4-BE49-F238E27FC236}">
                <a16:creationId xmlns:a16="http://schemas.microsoft.com/office/drawing/2014/main" id="{A241DF0A-F250-CC7C-A747-38D0DEF4E13D}"/>
              </a:ext>
            </a:extLst>
          </p:cNvPr>
          <p:cNvSpPr>
            <a:spLocks noGrp="1"/>
          </p:cNvSpPr>
          <p:nvPr>
            <p:ph type="pic" sz="quarter" idx="11"/>
          </p:nvPr>
        </p:nvSpPr>
        <p:spPr>
          <a:xfrm>
            <a:off x="0" y="252000"/>
            <a:ext cx="9144000" cy="4992300"/>
          </a:xfrm>
          <a:custGeom>
            <a:avLst/>
            <a:gdLst>
              <a:gd name="connsiteX0" fmla="*/ 1311232 w 9144000"/>
              <a:gd name="connsiteY0" fmla="*/ 4784368 h 4992300"/>
              <a:gd name="connsiteX1" fmla="*/ 1311255 w 9144000"/>
              <a:gd name="connsiteY1" fmla="*/ 4784413 h 4992300"/>
              <a:gd name="connsiteX2" fmla="*/ 1311208 w 9144000"/>
              <a:gd name="connsiteY2" fmla="*/ 4784413 h 4992300"/>
              <a:gd name="connsiteX3" fmla="*/ 1202473 w 9144000"/>
              <a:gd name="connsiteY3" fmla="*/ 4771089 h 4992300"/>
              <a:gd name="connsiteX4" fmla="*/ 1208231 w 9144000"/>
              <a:gd name="connsiteY4" fmla="*/ 4771089 h 4992300"/>
              <a:gd name="connsiteX5" fmla="*/ 1215845 w 9144000"/>
              <a:gd name="connsiteY5" fmla="*/ 4777846 h 4992300"/>
              <a:gd name="connsiteX6" fmla="*/ 1207042 w 9144000"/>
              <a:gd name="connsiteY6" fmla="*/ 4784460 h 4992300"/>
              <a:gd name="connsiteX7" fmla="*/ 1202473 w 9144000"/>
              <a:gd name="connsiteY7" fmla="*/ 4784460 h 4992300"/>
              <a:gd name="connsiteX8" fmla="*/ 1247252 w 9144000"/>
              <a:gd name="connsiteY8" fmla="*/ 4770660 h 4992300"/>
              <a:gd name="connsiteX9" fmla="*/ 1260005 w 9144000"/>
              <a:gd name="connsiteY9" fmla="*/ 4784651 h 4992300"/>
              <a:gd name="connsiteX10" fmla="*/ 1246871 w 9144000"/>
              <a:gd name="connsiteY10" fmla="*/ 4798784 h 4992300"/>
              <a:gd name="connsiteX11" fmla="*/ 1234261 w 9144000"/>
              <a:gd name="connsiteY11" fmla="*/ 4784556 h 4992300"/>
              <a:gd name="connsiteX12" fmla="*/ 1247252 w 9144000"/>
              <a:gd name="connsiteY12" fmla="*/ 4770660 h 4992300"/>
              <a:gd name="connsiteX13" fmla="*/ 1420466 w 9144000"/>
              <a:gd name="connsiteY13" fmla="*/ 4767044 h 4992300"/>
              <a:gd name="connsiteX14" fmla="*/ 1420466 w 9144000"/>
              <a:gd name="connsiteY14" fmla="*/ 4802305 h 4992300"/>
              <a:gd name="connsiteX15" fmla="*/ 1441689 w 9144000"/>
              <a:gd name="connsiteY15" fmla="*/ 4802305 h 4992300"/>
              <a:gd name="connsiteX16" fmla="*/ 1441689 w 9144000"/>
              <a:gd name="connsiteY16" fmla="*/ 4798213 h 4992300"/>
              <a:gd name="connsiteX17" fmla="*/ 1425272 w 9144000"/>
              <a:gd name="connsiteY17" fmla="*/ 4798213 h 4992300"/>
              <a:gd name="connsiteX18" fmla="*/ 1425272 w 9144000"/>
              <a:gd name="connsiteY18" fmla="*/ 4786649 h 4992300"/>
              <a:gd name="connsiteX19" fmla="*/ 1439452 w 9144000"/>
              <a:gd name="connsiteY19" fmla="*/ 4786649 h 4992300"/>
              <a:gd name="connsiteX20" fmla="*/ 1439452 w 9144000"/>
              <a:gd name="connsiteY20" fmla="*/ 4782557 h 4992300"/>
              <a:gd name="connsiteX21" fmla="*/ 1425224 w 9144000"/>
              <a:gd name="connsiteY21" fmla="*/ 4782557 h 4992300"/>
              <a:gd name="connsiteX22" fmla="*/ 1425224 w 9144000"/>
              <a:gd name="connsiteY22" fmla="*/ 4771089 h 4992300"/>
              <a:gd name="connsiteX23" fmla="*/ 1440547 w 9144000"/>
              <a:gd name="connsiteY23" fmla="*/ 4771089 h 4992300"/>
              <a:gd name="connsiteX24" fmla="*/ 1440547 w 9144000"/>
              <a:gd name="connsiteY24" fmla="*/ 4767044 h 4992300"/>
              <a:gd name="connsiteX25" fmla="*/ 1391343 w 9144000"/>
              <a:gd name="connsiteY25" fmla="*/ 4767044 h 4992300"/>
              <a:gd name="connsiteX26" fmla="*/ 1391343 w 9144000"/>
              <a:gd name="connsiteY26" fmla="*/ 4802305 h 4992300"/>
              <a:gd name="connsiteX27" fmla="*/ 1412566 w 9144000"/>
              <a:gd name="connsiteY27" fmla="*/ 4802305 h 4992300"/>
              <a:gd name="connsiteX28" fmla="*/ 1412566 w 9144000"/>
              <a:gd name="connsiteY28" fmla="*/ 4798213 h 4992300"/>
              <a:gd name="connsiteX29" fmla="*/ 1396101 w 9144000"/>
              <a:gd name="connsiteY29" fmla="*/ 4798213 h 4992300"/>
              <a:gd name="connsiteX30" fmla="*/ 1396101 w 9144000"/>
              <a:gd name="connsiteY30" fmla="*/ 4786649 h 4992300"/>
              <a:gd name="connsiteX31" fmla="*/ 1410330 w 9144000"/>
              <a:gd name="connsiteY31" fmla="*/ 4786649 h 4992300"/>
              <a:gd name="connsiteX32" fmla="*/ 1410330 w 9144000"/>
              <a:gd name="connsiteY32" fmla="*/ 4782557 h 4992300"/>
              <a:gd name="connsiteX33" fmla="*/ 1396101 w 9144000"/>
              <a:gd name="connsiteY33" fmla="*/ 4782557 h 4992300"/>
              <a:gd name="connsiteX34" fmla="*/ 1396101 w 9144000"/>
              <a:gd name="connsiteY34" fmla="*/ 4771089 h 4992300"/>
              <a:gd name="connsiteX35" fmla="*/ 1411424 w 9144000"/>
              <a:gd name="connsiteY35" fmla="*/ 4771089 h 4992300"/>
              <a:gd name="connsiteX36" fmla="*/ 1411424 w 9144000"/>
              <a:gd name="connsiteY36" fmla="*/ 4767044 h 4992300"/>
              <a:gd name="connsiteX37" fmla="*/ 1356129 w 9144000"/>
              <a:gd name="connsiteY37" fmla="*/ 4767044 h 4992300"/>
              <a:gd name="connsiteX38" fmla="*/ 1356129 w 9144000"/>
              <a:gd name="connsiteY38" fmla="*/ 4771231 h 4992300"/>
              <a:gd name="connsiteX39" fmla="*/ 1367883 w 9144000"/>
              <a:gd name="connsiteY39" fmla="*/ 4771231 h 4992300"/>
              <a:gd name="connsiteX40" fmla="*/ 1367883 w 9144000"/>
              <a:gd name="connsiteY40" fmla="*/ 4802305 h 4992300"/>
              <a:gd name="connsiteX41" fmla="*/ 1372689 w 9144000"/>
              <a:gd name="connsiteY41" fmla="*/ 4802305 h 4992300"/>
              <a:gd name="connsiteX42" fmla="*/ 1372689 w 9144000"/>
              <a:gd name="connsiteY42" fmla="*/ 4771231 h 4992300"/>
              <a:gd name="connsiteX43" fmla="*/ 1384443 w 9144000"/>
              <a:gd name="connsiteY43" fmla="*/ 4771231 h 4992300"/>
              <a:gd name="connsiteX44" fmla="*/ 1384443 w 9144000"/>
              <a:gd name="connsiteY44" fmla="*/ 4767044 h 4992300"/>
              <a:gd name="connsiteX45" fmla="*/ 1297170 w 9144000"/>
              <a:gd name="connsiteY45" fmla="*/ 4767044 h 4992300"/>
              <a:gd name="connsiteX46" fmla="*/ 1308686 w 9144000"/>
              <a:gd name="connsiteY46" fmla="*/ 4788934 h 4992300"/>
              <a:gd name="connsiteX47" fmla="*/ 1308686 w 9144000"/>
              <a:gd name="connsiteY47" fmla="*/ 4802305 h 4992300"/>
              <a:gd name="connsiteX48" fmla="*/ 1313444 w 9144000"/>
              <a:gd name="connsiteY48" fmla="*/ 4802305 h 4992300"/>
              <a:gd name="connsiteX49" fmla="*/ 1313444 w 9144000"/>
              <a:gd name="connsiteY49" fmla="*/ 4788934 h 4992300"/>
              <a:gd name="connsiteX50" fmla="*/ 1325722 w 9144000"/>
              <a:gd name="connsiteY50" fmla="*/ 4767044 h 4992300"/>
              <a:gd name="connsiteX51" fmla="*/ 1320487 w 9144000"/>
              <a:gd name="connsiteY51" fmla="*/ 4767044 h 4992300"/>
              <a:gd name="connsiteX52" fmla="*/ 1311232 w 9144000"/>
              <a:gd name="connsiteY52" fmla="*/ 4784368 h 4992300"/>
              <a:gd name="connsiteX53" fmla="*/ 1302547 w 9144000"/>
              <a:gd name="connsiteY53" fmla="*/ 4767044 h 4992300"/>
              <a:gd name="connsiteX54" fmla="*/ 1197620 w 9144000"/>
              <a:gd name="connsiteY54" fmla="*/ 4767044 h 4992300"/>
              <a:gd name="connsiteX55" fmla="*/ 1197620 w 9144000"/>
              <a:gd name="connsiteY55" fmla="*/ 4802305 h 4992300"/>
              <a:gd name="connsiteX56" fmla="*/ 1202426 w 9144000"/>
              <a:gd name="connsiteY56" fmla="*/ 4802305 h 4992300"/>
              <a:gd name="connsiteX57" fmla="*/ 1202426 w 9144000"/>
              <a:gd name="connsiteY57" fmla="*/ 4788600 h 4992300"/>
              <a:gd name="connsiteX58" fmla="*/ 1206709 w 9144000"/>
              <a:gd name="connsiteY58" fmla="*/ 4788600 h 4992300"/>
              <a:gd name="connsiteX59" fmla="*/ 1209754 w 9144000"/>
              <a:gd name="connsiteY59" fmla="*/ 4788362 h 4992300"/>
              <a:gd name="connsiteX60" fmla="*/ 1219414 w 9144000"/>
              <a:gd name="connsiteY60" fmla="*/ 4802258 h 4992300"/>
              <a:gd name="connsiteX61" fmla="*/ 1225077 w 9144000"/>
              <a:gd name="connsiteY61" fmla="*/ 4802258 h 4992300"/>
              <a:gd name="connsiteX62" fmla="*/ 1225124 w 9144000"/>
              <a:gd name="connsiteY62" fmla="*/ 4802305 h 4992300"/>
              <a:gd name="connsiteX63" fmla="*/ 1214560 w 9144000"/>
              <a:gd name="connsiteY63" fmla="*/ 4787173 h 4992300"/>
              <a:gd name="connsiteX64" fmla="*/ 1220842 w 9144000"/>
              <a:gd name="connsiteY64" fmla="*/ 4777513 h 4992300"/>
              <a:gd name="connsiteX65" fmla="*/ 1209278 w 9144000"/>
              <a:gd name="connsiteY65" fmla="*/ 4767044 h 4992300"/>
              <a:gd name="connsiteX66" fmla="*/ 1129619 w 9144000"/>
              <a:gd name="connsiteY66" fmla="*/ 4767044 h 4992300"/>
              <a:gd name="connsiteX67" fmla="*/ 1129619 w 9144000"/>
              <a:gd name="connsiteY67" fmla="*/ 4802305 h 4992300"/>
              <a:gd name="connsiteX68" fmla="*/ 1150842 w 9144000"/>
              <a:gd name="connsiteY68" fmla="*/ 4802305 h 4992300"/>
              <a:gd name="connsiteX69" fmla="*/ 1150842 w 9144000"/>
              <a:gd name="connsiteY69" fmla="*/ 4798213 h 4992300"/>
              <a:gd name="connsiteX70" fmla="*/ 1134425 w 9144000"/>
              <a:gd name="connsiteY70" fmla="*/ 4798213 h 4992300"/>
              <a:gd name="connsiteX71" fmla="*/ 1134378 w 9144000"/>
              <a:gd name="connsiteY71" fmla="*/ 4798213 h 4992300"/>
              <a:gd name="connsiteX72" fmla="*/ 1134378 w 9144000"/>
              <a:gd name="connsiteY72" fmla="*/ 4786649 h 4992300"/>
              <a:gd name="connsiteX73" fmla="*/ 1148606 w 9144000"/>
              <a:gd name="connsiteY73" fmla="*/ 4786649 h 4992300"/>
              <a:gd name="connsiteX74" fmla="*/ 1148606 w 9144000"/>
              <a:gd name="connsiteY74" fmla="*/ 4782557 h 4992300"/>
              <a:gd name="connsiteX75" fmla="*/ 1134378 w 9144000"/>
              <a:gd name="connsiteY75" fmla="*/ 4782557 h 4992300"/>
              <a:gd name="connsiteX76" fmla="*/ 1134378 w 9144000"/>
              <a:gd name="connsiteY76" fmla="*/ 4771089 h 4992300"/>
              <a:gd name="connsiteX77" fmla="*/ 1149700 w 9144000"/>
              <a:gd name="connsiteY77" fmla="*/ 4771089 h 4992300"/>
              <a:gd name="connsiteX78" fmla="*/ 1149700 w 9144000"/>
              <a:gd name="connsiteY78" fmla="*/ 4767044 h 4992300"/>
              <a:gd name="connsiteX79" fmla="*/ 1449541 w 9144000"/>
              <a:gd name="connsiteY79" fmla="*/ 4766996 h 4992300"/>
              <a:gd name="connsiteX80" fmla="*/ 1449541 w 9144000"/>
              <a:gd name="connsiteY80" fmla="*/ 4802258 h 4992300"/>
              <a:gd name="connsiteX81" fmla="*/ 1454299 w 9144000"/>
              <a:gd name="connsiteY81" fmla="*/ 4802258 h 4992300"/>
              <a:gd name="connsiteX82" fmla="*/ 1454299 w 9144000"/>
              <a:gd name="connsiteY82" fmla="*/ 4777275 h 4992300"/>
              <a:gd name="connsiteX83" fmla="*/ 1454157 w 9144000"/>
              <a:gd name="connsiteY83" fmla="*/ 4774515 h 4992300"/>
              <a:gd name="connsiteX84" fmla="*/ 1463864 w 9144000"/>
              <a:gd name="connsiteY84" fmla="*/ 4802258 h 4992300"/>
              <a:gd name="connsiteX85" fmla="*/ 1470146 w 9144000"/>
              <a:gd name="connsiteY85" fmla="*/ 4802258 h 4992300"/>
              <a:gd name="connsiteX86" fmla="*/ 1481185 w 9144000"/>
              <a:gd name="connsiteY86" fmla="*/ 4774087 h 4992300"/>
              <a:gd name="connsiteX87" fmla="*/ 1481090 w 9144000"/>
              <a:gd name="connsiteY87" fmla="*/ 4777180 h 4992300"/>
              <a:gd name="connsiteX88" fmla="*/ 1481090 w 9144000"/>
              <a:gd name="connsiteY88" fmla="*/ 4802258 h 4992300"/>
              <a:gd name="connsiteX89" fmla="*/ 1485897 w 9144000"/>
              <a:gd name="connsiteY89" fmla="*/ 4802258 h 4992300"/>
              <a:gd name="connsiteX90" fmla="*/ 1485897 w 9144000"/>
              <a:gd name="connsiteY90" fmla="*/ 4766996 h 4992300"/>
              <a:gd name="connsiteX91" fmla="*/ 1479615 w 9144000"/>
              <a:gd name="connsiteY91" fmla="*/ 4766996 h 4992300"/>
              <a:gd name="connsiteX92" fmla="*/ 1479615 w 9144000"/>
              <a:gd name="connsiteY92" fmla="*/ 4767044 h 4992300"/>
              <a:gd name="connsiteX93" fmla="*/ 1467195 w 9144000"/>
              <a:gd name="connsiteY93" fmla="*/ 4798403 h 4992300"/>
              <a:gd name="connsiteX94" fmla="*/ 1456155 w 9144000"/>
              <a:gd name="connsiteY94" fmla="*/ 4767282 h 4992300"/>
              <a:gd name="connsiteX95" fmla="*/ 1456060 w 9144000"/>
              <a:gd name="connsiteY95" fmla="*/ 4766996 h 4992300"/>
              <a:gd name="connsiteX96" fmla="*/ 1158313 w 9144000"/>
              <a:gd name="connsiteY96" fmla="*/ 4766996 h 4992300"/>
              <a:gd name="connsiteX97" fmla="*/ 1158313 w 9144000"/>
              <a:gd name="connsiteY97" fmla="*/ 4789885 h 4992300"/>
              <a:gd name="connsiteX98" fmla="*/ 1172589 w 9144000"/>
              <a:gd name="connsiteY98" fmla="*/ 4802829 h 4992300"/>
              <a:gd name="connsiteX99" fmla="*/ 1186675 w 9144000"/>
              <a:gd name="connsiteY99" fmla="*/ 4788553 h 4992300"/>
              <a:gd name="connsiteX100" fmla="*/ 1186675 w 9144000"/>
              <a:gd name="connsiteY100" fmla="*/ 4766996 h 4992300"/>
              <a:gd name="connsiteX101" fmla="*/ 1182011 w 9144000"/>
              <a:gd name="connsiteY101" fmla="*/ 4766996 h 4992300"/>
              <a:gd name="connsiteX102" fmla="*/ 1182011 w 9144000"/>
              <a:gd name="connsiteY102" fmla="*/ 4788410 h 4992300"/>
              <a:gd name="connsiteX103" fmla="*/ 1182059 w 9144000"/>
              <a:gd name="connsiteY103" fmla="*/ 4788458 h 4992300"/>
              <a:gd name="connsiteX104" fmla="*/ 1172637 w 9144000"/>
              <a:gd name="connsiteY104" fmla="*/ 4798641 h 4992300"/>
              <a:gd name="connsiteX105" fmla="*/ 1163262 w 9144000"/>
              <a:gd name="connsiteY105" fmla="*/ 4789552 h 4992300"/>
              <a:gd name="connsiteX106" fmla="*/ 1163262 w 9144000"/>
              <a:gd name="connsiteY106" fmla="*/ 4766996 h 4992300"/>
              <a:gd name="connsiteX107" fmla="*/ 1340711 w 9144000"/>
              <a:gd name="connsiteY107" fmla="*/ 4766616 h 4992300"/>
              <a:gd name="connsiteX108" fmla="*/ 1330147 w 9144000"/>
              <a:gd name="connsiteY108" fmla="*/ 4775324 h 4992300"/>
              <a:gd name="connsiteX109" fmla="*/ 1339664 w 9144000"/>
              <a:gd name="connsiteY109" fmla="*/ 4785983 h 4992300"/>
              <a:gd name="connsiteX110" fmla="*/ 1347040 w 9144000"/>
              <a:gd name="connsiteY110" fmla="*/ 4793216 h 4992300"/>
              <a:gd name="connsiteX111" fmla="*/ 1339141 w 9144000"/>
              <a:gd name="connsiteY111" fmla="*/ 4798594 h 4992300"/>
              <a:gd name="connsiteX112" fmla="*/ 1331146 w 9144000"/>
              <a:gd name="connsiteY112" fmla="*/ 4796833 h 4992300"/>
              <a:gd name="connsiteX113" fmla="*/ 1330766 w 9144000"/>
              <a:gd name="connsiteY113" fmla="*/ 4796690 h 4992300"/>
              <a:gd name="connsiteX114" fmla="*/ 1329100 w 9144000"/>
              <a:gd name="connsiteY114" fmla="*/ 4800592 h 4992300"/>
              <a:gd name="connsiteX115" fmla="*/ 1329433 w 9144000"/>
              <a:gd name="connsiteY115" fmla="*/ 4800735 h 4992300"/>
              <a:gd name="connsiteX116" fmla="*/ 1339236 w 9144000"/>
              <a:gd name="connsiteY116" fmla="*/ 4802876 h 4992300"/>
              <a:gd name="connsiteX117" fmla="*/ 1351751 w 9144000"/>
              <a:gd name="connsiteY117" fmla="*/ 4792931 h 4992300"/>
              <a:gd name="connsiteX118" fmla="*/ 1341901 w 9144000"/>
              <a:gd name="connsiteY118" fmla="*/ 4781891 h 4992300"/>
              <a:gd name="connsiteX119" fmla="*/ 1341806 w 9144000"/>
              <a:gd name="connsiteY119" fmla="*/ 4781891 h 4992300"/>
              <a:gd name="connsiteX120" fmla="*/ 1334668 w 9144000"/>
              <a:gd name="connsiteY120" fmla="*/ 4775181 h 4992300"/>
              <a:gd name="connsiteX121" fmla="*/ 1340759 w 9144000"/>
              <a:gd name="connsiteY121" fmla="*/ 4770708 h 4992300"/>
              <a:gd name="connsiteX122" fmla="*/ 1347801 w 9144000"/>
              <a:gd name="connsiteY122" fmla="*/ 4771993 h 4992300"/>
              <a:gd name="connsiteX123" fmla="*/ 1348182 w 9144000"/>
              <a:gd name="connsiteY123" fmla="*/ 4772136 h 4992300"/>
              <a:gd name="connsiteX124" fmla="*/ 1349562 w 9144000"/>
              <a:gd name="connsiteY124" fmla="*/ 4768471 h 4992300"/>
              <a:gd name="connsiteX125" fmla="*/ 1349229 w 9144000"/>
              <a:gd name="connsiteY125" fmla="*/ 4768329 h 4992300"/>
              <a:gd name="connsiteX126" fmla="*/ 1340711 w 9144000"/>
              <a:gd name="connsiteY126" fmla="*/ 4766616 h 4992300"/>
              <a:gd name="connsiteX127" fmla="*/ 1282085 w 9144000"/>
              <a:gd name="connsiteY127" fmla="*/ 4766616 h 4992300"/>
              <a:gd name="connsiteX128" fmla="*/ 1271521 w 9144000"/>
              <a:gd name="connsiteY128" fmla="*/ 4775324 h 4992300"/>
              <a:gd name="connsiteX129" fmla="*/ 1281038 w 9144000"/>
              <a:gd name="connsiteY129" fmla="*/ 4785983 h 4992300"/>
              <a:gd name="connsiteX130" fmla="*/ 1288414 w 9144000"/>
              <a:gd name="connsiteY130" fmla="*/ 4793216 h 4992300"/>
              <a:gd name="connsiteX131" fmla="*/ 1280515 w 9144000"/>
              <a:gd name="connsiteY131" fmla="*/ 4798594 h 4992300"/>
              <a:gd name="connsiteX132" fmla="*/ 1272520 w 9144000"/>
              <a:gd name="connsiteY132" fmla="*/ 4796833 h 4992300"/>
              <a:gd name="connsiteX133" fmla="*/ 1272140 w 9144000"/>
              <a:gd name="connsiteY133" fmla="*/ 4796690 h 4992300"/>
              <a:gd name="connsiteX134" fmla="*/ 1270474 w 9144000"/>
              <a:gd name="connsiteY134" fmla="*/ 4800592 h 4992300"/>
              <a:gd name="connsiteX135" fmla="*/ 1270807 w 9144000"/>
              <a:gd name="connsiteY135" fmla="*/ 4800735 h 4992300"/>
              <a:gd name="connsiteX136" fmla="*/ 1280610 w 9144000"/>
              <a:gd name="connsiteY136" fmla="*/ 4802876 h 4992300"/>
              <a:gd name="connsiteX137" fmla="*/ 1293125 w 9144000"/>
              <a:gd name="connsiteY137" fmla="*/ 4792931 h 4992300"/>
              <a:gd name="connsiteX138" fmla="*/ 1283275 w 9144000"/>
              <a:gd name="connsiteY138" fmla="*/ 4781891 h 4992300"/>
              <a:gd name="connsiteX139" fmla="*/ 1283179 w 9144000"/>
              <a:gd name="connsiteY139" fmla="*/ 4781891 h 4992300"/>
              <a:gd name="connsiteX140" fmla="*/ 1276042 w 9144000"/>
              <a:gd name="connsiteY140" fmla="*/ 4775181 h 4992300"/>
              <a:gd name="connsiteX141" fmla="*/ 1282133 w 9144000"/>
              <a:gd name="connsiteY141" fmla="*/ 4770708 h 4992300"/>
              <a:gd name="connsiteX142" fmla="*/ 1289175 w 9144000"/>
              <a:gd name="connsiteY142" fmla="*/ 4771993 h 4992300"/>
              <a:gd name="connsiteX143" fmla="*/ 1289556 w 9144000"/>
              <a:gd name="connsiteY143" fmla="*/ 4772136 h 4992300"/>
              <a:gd name="connsiteX144" fmla="*/ 1290936 w 9144000"/>
              <a:gd name="connsiteY144" fmla="*/ 4768471 h 4992300"/>
              <a:gd name="connsiteX145" fmla="*/ 1290603 w 9144000"/>
              <a:gd name="connsiteY145" fmla="*/ 4768329 h 4992300"/>
              <a:gd name="connsiteX146" fmla="*/ 1282085 w 9144000"/>
              <a:gd name="connsiteY146" fmla="*/ 4766616 h 4992300"/>
              <a:gd name="connsiteX147" fmla="*/ 1247680 w 9144000"/>
              <a:gd name="connsiteY147" fmla="*/ 4766568 h 4992300"/>
              <a:gd name="connsiteX148" fmla="*/ 1229502 w 9144000"/>
              <a:gd name="connsiteY148" fmla="*/ 4784603 h 4992300"/>
              <a:gd name="connsiteX149" fmla="*/ 1246776 w 9144000"/>
              <a:gd name="connsiteY149" fmla="*/ 4802876 h 4992300"/>
              <a:gd name="connsiteX150" fmla="*/ 1264811 w 9144000"/>
              <a:gd name="connsiteY150" fmla="*/ 4784698 h 4992300"/>
              <a:gd name="connsiteX151" fmla="*/ 1247680 w 9144000"/>
              <a:gd name="connsiteY151" fmla="*/ 4766568 h 4992300"/>
              <a:gd name="connsiteX152" fmla="*/ 507049 w 9144000"/>
              <a:gd name="connsiteY152" fmla="*/ 4475388 h 4992300"/>
              <a:gd name="connsiteX153" fmla="*/ 507049 w 9144000"/>
              <a:gd name="connsiteY153" fmla="*/ 4731782 h 4992300"/>
              <a:gd name="connsiteX154" fmla="*/ 1532673 w 9144000"/>
              <a:gd name="connsiteY154" fmla="*/ 4731782 h 4992300"/>
              <a:gd name="connsiteX155" fmla="*/ 1532673 w 9144000"/>
              <a:gd name="connsiteY155" fmla="*/ 4475388 h 4992300"/>
              <a:gd name="connsiteX156" fmla="*/ 0 w 9144000"/>
              <a:gd name="connsiteY156" fmla="*/ 0 h 4992300"/>
              <a:gd name="connsiteX157" fmla="*/ 9144000 w 9144000"/>
              <a:gd name="connsiteY157" fmla="*/ 0 h 4992300"/>
              <a:gd name="connsiteX158" fmla="*/ 9144000 w 9144000"/>
              <a:gd name="connsiteY158" fmla="*/ 4992300 h 4992300"/>
              <a:gd name="connsiteX159" fmla="*/ 0 w 9144000"/>
              <a:gd name="connsiteY159" fmla="*/ 4992300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9144000" h="4992300">
                <a:moveTo>
                  <a:pt x="1311232" y="4784368"/>
                </a:moveTo>
                <a:lnTo>
                  <a:pt x="1311255" y="4784413"/>
                </a:lnTo>
                <a:lnTo>
                  <a:pt x="1311208" y="4784413"/>
                </a:lnTo>
                <a:close/>
                <a:moveTo>
                  <a:pt x="1202473" y="4771089"/>
                </a:moveTo>
                <a:lnTo>
                  <a:pt x="1208231" y="4771089"/>
                </a:lnTo>
                <a:cubicBezTo>
                  <a:pt x="1213656" y="4771089"/>
                  <a:pt x="1215845" y="4773040"/>
                  <a:pt x="1215845" y="4777846"/>
                </a:cubicBezTo>
                <a:cubicBezTo>
                  <a:pt x="1215845" y="4782367"/>
                  <a:pt x="1213038" y="4784460"/>
                  <a:pt x="1207042" y="4784460"/>
                </a:cubicBezTo>
                <a:lnTo>
                  <a:pt x="1202473" y="4784460"/>
                </a:lnTo>
                <a:close/>
                <a:moveTo>
                  <a:pt x="1247252" y="4770660"/>
                </a:moveTo>
                <a:cubicBezTo>
                  <a:pt x="1255008" y="4770660"/>
                  <a:pt x="1260005" y="4775800"/>
                  <a:pt x="1260005" y="4784651"/>
                </a:cubicBezTo>
                <a:cubicBezTo>
                  <a:pt x="1260005" y="4793502"/>
                  <a:pt x="1255104" y="4798784"/>
                  <a:pt x="1246871" y="4798784"/>
                </a:cubicBezTo>
                <a:cubicBezTo>
                  <a:pt x="1241066" y="4798784"/>
                  <a:pt x="1234261" y="4795072"/>
                  <a:pt x="1234261" y="4784556"/>
                </a:cubicBezTo>
                <a:cubicBezTo>
                  <a:pt x="1234261" y="4775990"/>
                  <a:pt x="1239495" y="4770660"/>
                  <a:pt x="1247252" y="4770660"/>
                </a:cubicBezTo>
                <a:close/>
                <a:moveTo>
                  <a:pt x="1420466" y="4767044"/>
                </a:moveTo>
                <a:lnTo>
                  <a:pt x="1420466" y="4802305"/>
                </a:lnTo>
                <a:lnTo>
                  <a:pt x="1441689" y="4802305"/>
                </a:lnTo>
                <a:lnTo>
                  <a:pt x="1441689" y="4798213"/>
                </a:lnTo>
                <a:lnTo>
                  <a:pt x="1425272" y="4798213"/>
                </a:lnTo>
                <a:lnTo>
                  <a:pt x="1425272" y="4786649"/>
                </a:lnTo>
                <a:lnTo>
                  <a:pt x="1439452" y="4786649"/>
                </a:lnTo>
                <a:lnTo>
                  <a:pt x="1439452" y="4782557"/>
                </a:lnTo>
                <a:lnTo>
                  <a:pt x="1425224" y="4782557"/>
                </a:lnTo>
                <a:lnTo>
                  <a:pt x="1425224" y="4771089"/>
                </a:lnTo>
                <a:lnTo>
                  <a:pt x="1440547" y="4771089"/>
                </a:lnTo>
                <a:lnTo>
                  <a:pt x="1440547" y="4767044"/>
                </a:lnTo>
                <a:close/>
                <a:moveTo>
                  <a:pt x="1391343" y="4767044"/>
                </a:moveTo>
                <a:lnTo>
                  <a:pt x="1391343" y="4802305"/>
                </a:lnTo>
                <a:lnTo>
                  <a:pt x="1412566" y="4802305"/>
                </a:lnTo>
                <a:lnTo>
                  <a:pt x="1412566" y="4798213"/>
                </a:lnTo>
                <a:lnTo>
                  <a:pt x="1396101" y="4798213"/>
                </a:lnTo>
                <a:lnTo>
                  <a:pt x="1396101" y="4786649"/>
                </a:lnTo>
                <a:lnTo>
                  <a:pt x="1410330" y="4786649"/>
                </a:lnTo>
                <a:lnTo>
                  <a:pt x="1410330" y="4782557"/>
                </a:lnTo>
                <a:lnTo>
                  <a:pt x="1396101" y="4782557"/>
                </a:lnTo>
                <a:lnTo>
                  <a:pt x="1396101" y="4771089"/>
                </a:lnTo>
                <a:lnTo>
                  <a:pt x="1411424" y="4771089"/>
                </a:lnTo>
                <a:lnTo>
                  <a:pt x="1411424" y="4767044"/>
                </a:lnTo>
                <a:close/>
                <a:moveTo>
                  <a:pt x="1356129" y="4767044"/>
                </a:moveTo>
                <a:lnTo>
                  <a:pt x="1356129" y="4771231"/>
                </a:lnTo>
                <a:lnTo>
                  <a:pt x="1367883" y="4771231"/>
                </a:lnTo>
                <a:lnTo>
                  <a:pt x="1367883" y="4802305"/>
                </a:lnTo>
                <a:lnTo>
                  <a:pt x="1372689" y="4802305"/>
                </a:lnTo>
                <a:lnTo>
                  <a:pt x="1372689" y="4771231"/>
                </a:lnTo>
                <a:lnTo>
                  <a:pt x="1384443" y="4771231"/>
                </a:lnTo>
                <a:lnTo>
                  <a:pt x="1384443" y="4767044"/>
                </a:lnTo>
                <a:close/>
                <a:moveTo>
                  <a:pt x="1297170" y="4767044"/>
                </a:moveTo>
                <a:lnTo>
                  <a:pt x="1308686" y="4788934"/>
                </a:lnTo>
                <a:lnTo>
                  <a:pt x="1308686" y="4802305"/>
                </a:lnTo>
                <a:lnTo>
                  <a:pt x="1313444" y="4802305"/>
                </a:lnTo>
                <a:lnTo>
                  <a:pt x="1313444" y="4788934"/>
                </a:lnTo>
                <a:lnTo>
                  <a:pt x="1325722" y="4767044"/>
                </a:lnTo>
                <a:lnTo>
                  <a:pt x="1320487" y="4767044"/>
                </a:lnTo>
                <a:lnTo>
                  <a:pt x="1311232" y="4784368"/>
                </a:lnTo>
                <a:lnTo>
                  <a:pt x="1302547" y="4767044"/>
                </a:lnTo>
                <a:close/>
                <a:moveTo>
                  <a:pt x="1197620" y="4767044"/>
                </a:moveTo>
                <a:lnTo>
                  <a:pt x="1197620" y="4802305"/>
                </a:lnTo>
                <a:lnTo>
                  <a:pt x="1202426" y="4802305"/>
                </a:lnTo>
                <a:lnTo>
                  <a:pt x="1202426" y="4788600"/>
                </a:lnTo>
                <a:lnTo>
                  <a:pt x="1206709" y="4788600"/>
                </a:lnTo>
                <a:cubicBezTo>
                  <a:pt x="1207708" y="4788600"/>
                  <a:pt x="1208897" y="4788505"/>
                  <a:pt x="1209754" y="4788362"/>
                </a:cubicBezTo>
                <a:lnTo>
                  <a:pt x="1219414" y="4802258"/>
                </a:lnTo>
                <a:lnTo>
                  <a:pt x="1225077" y="4802258"/>
                </a:lnTo>
                <a:lnTo>
                  <a:pt x="1225124" y="4802305"/>
                </a:lnTo>
                <a:lnTo>
                  <a:pt x="1214560" y="4787173"/>
                </a:lnTo>
                <a:cubicBezTo>
                  <a:pt x="1218605" y="4785460"/>
                  <a:pt x="1220842" y="4782034"/>
                  <a:pt x="1220842" y="4777513"/>
                </a:cubicBezTo>
                <a:cubicBezTo>
                  <a:pt x="1220842" y="4770851"/>
                  <a:pt x="1216654" y="4767044"/>
                  <a:pt x="1209278" y="4767044"/>
                </a:cubicBezTo>
                <a:close/>
                <a:moveTo>
                  <a:pt x="1129619" y="4767044"/>
                </a:moveTo>
                <a:lnTo>
                  <a:pt x="1129619" y="4802305"/>
                </a:lnTo>
                <a:lnTo>
                  <a:pt x="1150842" y="4802305"/>
                </a:lnTo>
                <a:lnTo>
                  <a:pt x="1150842" y="4798213"/>
                </a:lnTo>
                <a:lnTo>
                  <a:pt x="1134425" y="4798213"/>
                </a:lnTo>
                <a:lnTo>
                  <a:pt x="1134378" y="4798213"/>
                </a:lnTo>
                <a:lnTo>
                  <a:pt x="1134378" y="4786649"/>
                </a:lnTo>
                <a:lnTo>
                  <a:pt x="1148606" y="4786649"/>
                </a:lnTo>
                <a:lnTo>
                  <a:pt x="1148606" y="4782557"/>
                </a:lnTo>
                <a:lnTo>
                  <a:pt x="1134378" y="4782557"/>
                </a:lnTo>
                <a:lnTo>
                  <a:pt x="1134378" y="4771089"/>
                </a:lnTo>
                <a:lnTo>
                  <a:pt x="1149700" y="4771089"/>
                </a:lnTo>
                <a:lnTo>
                  <a:pt x="1149700" y="4767044"/>
                </a:lnTo>
                <a:close/>
                <a:moveTo>
                  <a:pt x="1449541" y="4766996"/>
                </a:moveTo>
                <a:lnTo>
                  <a:pt x="1449541" y="4802258"/>
                </a:lnTo>
                <a:lnTo>
                  <a:pt x="1454299" y="4802258"/>
                </a:lnTo>
                <a:lnTo>
                  <a:pt x="1454299" y="4777275"/>
                </a:lnTo>
                <a:lnTo>
                  <a:pt x="1454157" y="4774515"/>
                </a:lnTo>
                <a:lnTo>
                  <a:pt x="1463864" y="4802258"/>
                </a:lnTo>
                <a:lnTo>
                  <a:pt x="1470146" y="4802258"/>
                </a:lnTo>
                <a:lnTo>
                  <a:pt x="1481185" y="4774087"/>
                </a:lnTo>
                <a:lnTo>
                  <a:pt x="1481090" y="4777180"/>
                </a:lnTo>
                <a:lnTo>
                  <a:pt x="1481090" y="4802258"/>
                </a:lnTo>
                <a:lnTo>
                  <a:pt x="1485897" y="4802258"/>
                </a:lnTo>
                <a:lnTo>
                  <a:pt x="1485897" y="4766996"/>
                </a:lnTo>
                <a:lnTo>
                  <a:pt x="1479615" y="4766996"/>
                </a:lnTo>
                <a:lnTo>
                  <a:pt x="1479615" y="4767044"/>
                </a:lnTo>
                <a:lnTo>
                  <a:pt x="1467195" y="4798403"/>
                </a:lnTo>
                <a:lnTo>
                  <a:pt x="1456155" y="4767282"/>
                </a:lnTo>
                <a:lnTo>
                  <a:pt x="1456060" y="4766996"/>
                </a:lnTo>
                <a:close/>
                <a:moveTo>
                  <a:pt x="1158313" y="4766996"/>
                </a:moveTo>
                <a:lnTo>
                  <a:pt x="1158313" y="4789885"/>
                </a:lnTo>
                <a:cubicBezTo>
                  <a:pt x="1158313" y="4801163"/>
                  <a:pt x="1167260" y="4802829"/>
                  <a:pt x="1172589" y="4802829"/>
                </a:cubicBezTo>
                <a:cubicBezTo>
                  <a:pt x="1176824" y="4802829"/>
                  <a:pt x="1186675" y="4801449"/>
                  <a:pt x="1186675" y="4788553"/>
                </a:cubicBezTo>
                <a:lnTo>
                  <a:pt x="1186675" y="4766996"/>
                </a:lnTo>
                <a:lnTo>
                  <a:pt x="1182011" y="4766996"/>
                </a:lnTo>
                <a:lnTo>
                  <a:pt x="1182011" y="4788410"/>
                </a:lnTo>
                <a:lnTo>
                  <a:pt x="1182059" y="4788458"/>
                </a:lnTo>
                <a:cubicBezTo>
                  <a:pt x="1182059" y="4795215"/>
                  <a:pt x="1178918" y="4798641"/>
                  <a:pt x="1172637" y="4798641"/>
                </a:cubicBezTo>
                <a:cubicBezTo>
                  <a:pt x="1166355" y="4798641"/>
                  <a:pt x="1163262" y="4795596"/>
                  <a:pt x="1163262" y="4789552"/>
                </a:cubicBezTo>
                <a:lnTo>
                  <a:pt x="1163262" y="4766996"/>
                </a:lnTo>
                <a:close/>
                <a:moveTo>
                  <a:pt x="1340711" y="4766616"/>
                </a:moveTo>
                <a:cubicBezTo>
                  <a:pt x="1334287" y="4766616"/>
                  <a:pt x="1330147" y="4770042"/>
                  <a:pt x="1330147" y="4775324"/>
                </a:cubicBezTo>
                <a:cubicBezTo>
                  <a:pt x="1330147" y="4781605"/>
                  <a:pt x="1335191" y="4783937"/>
                  <a:pt x="1339664" y="4785983"/>
                </a:cubicBezTo>
                <a:cubicBezTo>
                  <a:pt x="1343614" y="4787839"/>
                  <a:pt x="1347040" y="4789409"/>
                  <a:pt x="1347040" y="4793216"/>
                </a:cubicBezTo>
                <a:cubicBezTo>
                  <a:pt x="1347040" y="4798213"/>
                  <a:pt x="1340997" y="4798594"/>
                  <a:pt x="1339141" y="4798594"/>
                </a:cubicBezTo>
                <a:cubicBezTo>
                  <a:pt x="1335810" y="4798594"/>
                  <a:pt x="1333573" y="4797880"/>
                  <a:pt x="1331146" y="4796833"/>
                </a:cubicBezTo>
                <a:lnTo>
                  <a:pt x="1330766" y="4796690"/>
                </a:lnTo>
                <a:lnTo>
                  <a:pt x="1329100" y="4800592"/>
                </a:lnTo>
                <a:lnTo>
                  <a:pt x="1329433" y="4800735"/>
                </a:lnTo>
                <a:cubicBezTo>
                  <a:pt x="1331432" y="4801782"/>
                  <a:pt x="1334192" y="4802876"/>
                  <a:pt x="1339236" y="4802876"/>
                </a:cubicBezTo>
                <a:cubicBezTo>
                  <a:pt x="1346945" y="4802876"/>
                  <a:pt x="1351751" y="4799069"/>
                  <a:pt x="1351751" y="4792931"/>
                </a:cubicBezTo>
                <a:cubicBezTo>
                  <a:pt x="1351751" y="4786792"/>
                  <a:pt x="1346517" y="4784127"/>
                  <a:pt x="1341901" y="4781891"/>
                </a:cubicBezTo>
                <a:lnTo>
                  <a:pt x="1341806" y="4781891"/>
                </a:lnTo>
                <a:cubicBezTo>
                  <a:pt x="1337951" y="4780035"/>
                  <a:pt x="1334668" y="4778417"/>
                  <a:pt x="1334668" y="4775181"/>
                </a:cubicBezTo>
                <a:cubicBezTo>
                  <a:pt x="1334668" y="4771279"/>
                  <a:pt x="1338475" y="4770708"/>
                  <a:pt x="1340759" y="4770708"/>
                </a:cubicBezTo>
                <a:cubicBezTo>
                  <a:pt x="1343899" y="4770708"/>
                  <a:pt x="1345803" y="4771279"/>
                  <a:pt x="1347801" y="4771993"/>
                </a:cubicBezTo>
                <a:lnTo>
                  <a:pt x="1348182" y="4772136"/>
                </a:lnTo>
                <a:lnTo>
                  <a:pt x="1349562" y="4768471"/>
                </a:lnTo>
                <a:lnTo>
                  <a:pt x="1349229" y="4768329"/>
                </a:lnTo>
                <a:cubicBezTo>
                  <a:pt x="1347183" y="4767425"/>
                  <a:pt x="1344756" y="4766616"/>
                  <a:pt x="1340711" y="4766616"/>
                </a:cubicBezTo>
                <a:close/>
                <a:moveTo>
                  <a:pt x="1282085" y="4766616"/>
                </a:moveTo>
                <a:cubicBezTo>
                  <a:pt x="1275661" y="4766616"/>
                  <a:pt x="1271521" y="4770042"/>
                  <a:pt x="1271521" y="4775324"/>
                </a:cubicBezTo>
                <a:cubicBezTo>
                  <a:pt x="1271521" y="4781605"/>
                  <a:pt x="1276565" y="4783937"/>
                  <a:pt x="1281038" y="4785983"/>
                </a:cubicBezTo>
                <a:cubicBezTo>
                  <a:pt x="1284988" y="4787839"/>
                  <a:pt x="1288414" y="4789409"/>
                  <a:pt x="1288414" y="4793216"/>
                </a:cubicBezTo>
                <a:cubicBezTo>
                  <a:pt x="1288414" y="4798213"/>
                  <a:pt x="1282371" y="4798594"/>
                  <a:pt x="1280515" y="4798594"/>
                </a:cubicBezTo>
                <a:cubicBezTo>
                  <a:pt x="1277231" y="4798594"/>
                  <a:pt x="1274947" y="4797880"/>
                  <a:pt x="1272520" y="4796833"/>
                </a:cubicBezTo>
                <a:lnTo>
                  <a:pt x="1272140" y="4796690"/>
                </a:lnTo>
                <a:lnTo>
                  <a:pt x="1270474" y="4800592"/>
                </a:lnTo>
                <a:lnTo>
                  <a:pt x="1270807" y="4800735"/>
                </a:lnTo>
                <a:cubicBezTo>
                  <a:pt x="1272806" y="4801782"/>
                  <a:pt x="1275566" y="4802876"/>
                  <a:pt x="1280610" y="4802876"/>
                </a:cubicBezTo>
                <a:cubicBezTo>
                  <a:pt x="1288319" y="4802876"/>
                  <a:pt x="1293125" y="4799069"/>
                  <a:pt x="1293125" y="4792931"/>
                </a:cubicBezTo>
                <a:cubicBezTo>
                  <a:pt x="1293125" y="4786792"/>
                  <a:pt x="1287891" y="4784127"/>
                  <a:pt x="1283275" y="4781891"/>
                </a:cubicBezTo>
                <a:lnTo>
                  <a:pt x="1283179" y="4781891"/>
                </a:lnTo>
                <a:cubicBezTo>
                  <a:pt x="1279325" y="4780035"/>
                  <a:pt x="1276042" y="4778417"/>
                  <a:pt x="1276042" y="4775181"/>
                </a:cubicBezTo>
                <a:cubicBezTo>
                  <a:pt x="1276042" y="4771279"/>
                  <a:pt x="1279848" y="4770708"/>
                  <a:pt x="1282133" y="4770708"/>
                </a:cubicBezTo>
                <a:cubicBezTo>
                  <a:pt x="1285273" y="4770708"/>
                  <a:pt x="1287177" y="4771279"/>
                  <a:pt x="1289175" y="4771993"/>
                </a:cubicBezTo>
                <a:lnTo>
                  <a:pt x="1289556" y="4772136"/>
                </a:lnTo>
                <a:lnTo>
                  <a:pt x="1290936" y="4768471"/>
                </a:lnTo>
                <a:lnTo>
                  <a:pt x="1290603" y="4768329"/>
                </a:lnTo>
                <a:cubicBezTo>
                  <a:pt x="1288557" y="4767425"/>
                  <a:pt x="1286082" y="4766616"/>
                  <a:pt x="1282085" y="4766616"/>
                </a:cubicBezTo>
                <a:close/>
                <a:moveTo>
                  <a:pt x="1247680" y="4766568"/>
                </a:moveTo>
                <a:cubicBezTo>
                  <a:pt x="1236831" y="4766568"/>
                  <a:pt x="1229502" y="4773516"/>
                  <a:pt x="1229502" y="4784603"/>
                </a:cubicBezTo>
                <a:cubicBezTo>
                  <a:pt x="1229502" y="4795691"/>
                  <a:pt x="1235831" y="4802876"/>
                  <a:pt x="1246776" y="4802876"/>
                </a:cubicBezTo>
                <a:cubicBezTo>
                  <a:pt x="1257721" y="4802876"/>
                  <a:pt x="1264811" y="4795738"/>
                  <a:pt x="1264811" y="4784698"/>
                </a:cubicBezTo>
                <a:cubicBezTo>
                  <a:pt x="1264811" y="4773516"/>
                  <a:pt x="1258530" y="4766568"/>
                  <a:pt x="1247680" y="4766568"/>
                </a:cubicBezTo>
                <a:close/>
                <a:moveTo>
                  <a:pt x="507049" y="4475388"/>
                </a:moveTo>
                <a:lnTo>
                  <a:pt x="507049" y="4731782"/>
                </a:lnTo>
                <a:lnTo>
                  <a:pt x="1532673" y="4731782"/>
                </a:lnTo>
                <a:lnTo>
                  <a:pt x="1532673" y="4475388"/>
                </a:lnTo>
                <a:close/>
                <a:moveTo>
                  <a:pt x="0" y="0"/>
                </a:moveTo>
                <a:lnTo>
                  <a:pt x="9144000" y="0"/>
                </a:lnTo>
                <a:lnTo>
                  <a:pt x="9144000" y="4992300"/>
                </a:lnTo>
                <a:lnTo>
                  <a:pt x="0" y="4992300"/>
                </a:lnTo>
                <a:close/>
              </a:path>
            </a:pathLst>
          </a:custGeom>
          <a:solidFill>
            <a:schemeClr val="bg1">
              <a:lumMod val="85000"/>
            </a:schemeClr>
          </a:solidFill>
        </p:spPr>
        <p:txBody>
          <a:bodyPr wrap="square" anchor="ctr">
            <a:noAutofit/>
          </a:bodyPr>
          <a:lstStyle>
            <a:lvl1pPr algn="ctr">
              <a:defRPr/>
            </a:lvl1pPr>
          </a:lstStyle>
          <a:p>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lvl1pPr>
              <a:defRPr sz="1000">
                <a:solidFill>
                  <a:schemeClr val="bg1"/>
                </a:solidFill>
              </a:defRPr>
            </a:lvl1pPr>
          </a:lstStyle>
          <a:p>
            <a:fld id="{A57ACD69-77E0-4B27-BE9A-0E1A45A60CED}" type="slidenum">
              <a:rPr lang="en-US" smtClean="0"/>
              <a:pPr/>
              <a:t>‹nr.›</a:t>
            </a:fld>
            <a:endParaRPr lang="en-GB"/>
          </a:p>
        </p:txBody>
      </p:sp>
      <p:sp>
        <p:nvSpPr>
          <p:cNvPr id="4" name="Title 3">
            <a:extLst>
              <a:ext uri="{FF2B5EF4-FFF2-40B4-BE49-F238E27FC236}">
                <a16:creationId xmlns:a16="http://schemas.microsoft.com/office/drawing/2014/main" id="{567CDBB1-23E6-E1D2-68A9-BF87B547C29F}"/>
              </a:ext>
            </a:extLst>
          </p:cNvPr>
          <p:cNvSpPr>
            <a:spLocks noGrp="1"/>
          </p:cNvSpPr>
          <p:nvPr>
            <p:ph type="title"/>
          </p:nvPr>
        </p:nvSpPr>
        <p:spPr/>
        <p:txBody>
          <a:bodyPr/>
          <a:lstStyle/>
          <a:p>
            <a:r>
              <a:rPr lang="en-US"/>
              <a:t>Click to edit Master title style</a:t>
            </a:r>
            <a:endParaRPr lang="en-GB"/>
          </a:p>
        </p:txBody>
      </p:sp>
      <p:pic>
        <p:nvPicPr>
          <p:cNvPr id="2" name="Picture 1">
            <a:extLst>
              <a:ext uri="{FF2B5EF4-FFF2-40B4-BE49-F238E27FC236}">
                <a16:creationId xmlns:a16="http://schemas.microsoft.com/office/drawing/2014/main" id="{6C8B0A42-0931-8049-5EBA-A717B69D39D4}"/>
              </a:ext>
            </a:extLst>
          </p:cNvPr>
          <p:cNvPicPr>
            <a:picLocks noChangeAspect="1"/>
          </p:cNvPicPr>
          <p:nvPr userDrawn="1"/>
        </p:nvPicPr>
        <p:blipFill>
          <a:blip r:embed="rId4"/>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197894258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Voorpagina (Roo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99671FAB-65E6-606E-8018-4C0A1300A34D}"/>
              </a:ext>
            </a:extLst>
          </p:cNvPr>
          <p:cNvSpPr/>
          <p:nvPr userDrawn="1"/>
        </p:nvSpPr>
        <p:spPr>
          <a:xfrm>
            <a:off x="0" y="252000"/>
            <a:ext cx="9144000" cy="4992300"/>
          </a:xfrm>
          <a:prstGeom prst="rect">
            <a:avLst/>
          </a:prstGeom>
          <a:solidFill>
            <a:srgbClr val="E85E5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11" name="Picture 10">
            <a:extLst>
              <a:ext uri="{FF2B5EF4-FFF2-40B4-BE49-F238E27FC236}">
                <a16:creationId xmlns:a16="http://schemas.microsoft.com/office/drawing/2014/main" id="{93057464-881F-F2AC-F644-69FCD8F89F54}"/>
              </a:ext>
            </a:extLst>
          </p:cNvPr>
          <p:cNvPicPr>
            <a:picLocks noChangeAspect="1"/>
          </p:cNvPicPr>
          <p:nvPr userDrawn="1"/>
        </p:nvPicPr>
        <p:blipFill>
          <a:blip r:embed="rId2"/>
          <a:srcRect t="2940"/>
          <a:stretch>
            <a:fillRect/>
          </a:stretch>
        </p:blipFill>
        <p:spPr>
          <a:xfrm>
            <a:off x="7143" y="252000"/>
            <a:ext cx="7287816" cy="4992300"/>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d2470738-5d87-42ee-b36e-d562a851d334&quot;}}">
            <a:extLst>
              <a:ext uri="{FF2B5EF4-FFF2-40B4-BE49-F238E27FC236}">
                <a16:creationId xmlns:a16="http://schemas.microsoft.com/office/drawing/2014/main" id="{7117D016-A9C1-0D64-7742-87E04443954D}"/>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6" name="Name" descr="{&quot;templafy&quot;:{&quot;id&quot;:&quot;83170902-e918-4355-96e2-ee810ae2a146&quot;}}">
            <a:extLst>
              <a:ext uri="{FF2B5EF4-FFF2-40B4-BE49-F238E27FC236}">
                <a16:creationId xmlns:a16="http://schemas.microsoft.com/office/drawing/2014/main" id="{AAB0EDA1-4786-D955-7C08-6004CACDF60D}"/>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a:p>
        </p:txBody>
      </p:sp>
      <p:sp>
        <p:nvSpPr>
          <p:cNvPr id="7" name="Text Placeholder 7">
            <a:extLst>
              <a:ext uri="{FF2B5EF4-FFF2-40B4-BE49-F238E27FC236}">
                <a16:creationId xmlns:a16="http://schemas.microsoft.com/office/drawing/2014/main" id="{2F6A2E02-FE9F-8F1C-E68C-AD2498C7038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8" name="Text Placeholder 10">
            <a:extLst>
              <a:ext uri="{FF2B5EF4-FFF2-40B4-BE49-F238E27FC236}">
                <a16:creationId xmlns:a16="http://schemas.microsoft.com/office/drawing/2014/main" id="{51935EC3-995D-0FFA-88BA-DD3C556D994F}"/>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pic>
        <p:nvPicPr>
          <p:cNvPr id="4" name="Picture 3">
            <a:extLst>
              <a:ext uri="{FF2B5EF4-FFF2-40B4-BE49-F238E27FC236}">
                <a16:creationId xmlns:a16="http://schemas.microsoft.com/office/drawing/2014/main" id="{EA11D493-990D-DF6A-4681-8C646C86BE78}"/>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188713585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Voorpagina (Groen)">
    <p:spTree>
      <p:nvGrpSpPr>
        <p:cNvPr id="1" name=""/>
        <p:cNvGrpSpPr/>
        <p:nvPr/>
      </p:nvGrpSpPr>
      <p:grpSpPr>
        <a:xfrm>
          <a:off x="0" y="0"/>
          <a:ext cx="0" cy="0"/>
          <a:chOff x="0" y="0"/>
          <a:chExt cx="0" cy="0"/>
        </a:xfrm>
      </p:grpSpPr>
      <p:sp>
        <p:nvSpPr>
          <p:cNvPr id="15" name="Freeform: Shape 14">
            <a:extLst>
              <a:ext uri="{FF2B5EF4-FFF2-40B4-BE49-F238E27FC236}">
                <a16:creationId xmlns:a16="http://schemas.microsoft.com/office/drawing/2014/main" id="{4608D4FD-3524-A95A-2881-7EB032A9ACD4}"/>
              </a:ext>
            </a:extLst>
          </p:cNvPr>
          <p:cNvSpPr/>
          <p:nvPr userDrawn="1"/>
        </p:nvSpPr>
        <p:spPr>
          <a:xfrm>
            <a:off x="0" y="2520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0 w 9144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9144000" h="4992300">
                <a:moveTo>
                  <a:pt x="0" y="0"/>
                </a:moveTo>
                <a:lnTo>
                  <a:pt x="9144000" y="0"/>
                </a:lnTo>
                <a:lnTo>
                  <a:pt x="9144000" y="4992300"/>
                </a:lnTo>
                <a:lnTo>
                  <a:pt x="0" y="4992300"/>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l-NL"/>
          </a:p>
        </p:txBody>
      </p:sp>
      <p:pic>
        <p:nvPicPr>
          <p:cNvPr id="3" name="Green">
            <a:extLst>
              <a:ext uri="{FF2B5EF4-FFF2-40B4-BE49-F238E27FC236}">
                <a16:creationId xmlns:a16="http://schemas.microsoft.com/office/drawing/2014/main" id="{6E25C3DD-D417-C9BA-4E18-CFCAC91E6901}"/>
              </a:ext>
            </a:extLst>
          </p:cNvPr>
          <p:cNvPicPr>
            <a:picLocks noChangeAspect="1"/>
          </p:cNvPicPr>
          <p:nvPr userDrawn="1"/>
        </p:nvPicPr>
        <p:blipFill>
          <a:blip r:embed="rId2"/>
          <a:stretch>
            <a:fillRect/>
          </a:stretch>
        </p:blipFill>
        <p:spPr>
          <a:xfrm>
            <a:off x="0" y="252000"/>
            <a:ext cx="8153842" cy="4942800"/>
          </a:xfrm>
          <a:prstGeom prst="rect">
            <a:avLst/>
          </a:prstGeom>
        </p:spPr>
      </p:pic>
      <p:sp>
        <p:nvSpPr>
          <p:cNvPr id="2" name="Date" descr="{&quot;templafy&quot;:{&quot;id&quot;:&quot;9cd4bdd7-cd89-46aa-8997-513b51245c89&quot;}}">
            <a:extLst>
              <a:ext uri="{FF2B5EF4-FFF2-40B4-BE49-F238E27FC236}">
                <a16:creationId xmlns:a16="http://schemas.microsoft.com/office/drawing/2014/main" id="{026F991B-FA14-5DAA-0AA7-CAD46A865395}"/>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7" name="Text Placeholder 7">
            <a:extLst>
              <a:ext uri="{FF2B5EF4-FFF2-40B4-BE49-F238E27FC236}">
                <a16:creationId xmlns:a16="http://schemas.microsoft.com/office/drawing/2014/main" id="{67FA8EFE-4C47-FCE3-B6AC-5447FCFDCFB6}"/>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8" name="Text Placeholder 10">
            <a:extLst>
              <a:ext uri="{FF2B5EF4-FFF2-40B4-BE49-F238E27FC236}">
                <a16:creationId xmlns:a16="http://schemas.microsoft.com/office/drawing/2014/main" id="{7F122860-6A8E-7F6C-9873-2F5C94593E38}"/>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sp>
        <p:nvSpPr>
          <p:cNvPr id="4" name="Name" descr="{&quot;templafy&quot;:{&quot;id&quot;:&quot;95f23eac-80b7-4968-8f15-4ef487cd77d2&quot;}}">
            <a:extLst>
              <a:ext uri="{FF2B5EF4-FFF2-40B4-BE49-F238E27FC236}">
                <a16:creationId xmlns:a16="http://schemas.microsoft.com/office/drawing/2014/main" id="{15110289-8183-480C-568E-24667C007AD1}"/>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a:p>
        </p:txBody>
      </p:sp>
      <p:pic>
        <p:nvPicPr>
          <p:cNvPr id="6" name="Picture 5">
            <a:extLst>
              <a:ext uri="{FF2B5EF4-FFF2-40B4-BE49-F238E27FC236}">
                <a16:creationId xmlns:a16="http://schemas.microsoft.com/office/drawing/2014/main" id="{FC52DA36-D591-DF07-B265-D154D16822ED}"/>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60731962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Voorpagina (Afbeelding)">
    <p:bg>
      <p:bgRef idx="1001">
        <a:schemeClr val="bg1"/>
      </p:bgRef>
    </p:bg>
    <p:spTree>
      <p:nvGrpSpPr>
        <p:cNvPr id="1" name=""/>
        <p:cNvGrpSpPr/>
        <p:nvPr/>
      </p:nvGrpSpPr>
      <p:grpSpPr>
        <a:xfrm>
          <a:off x="0" y="0"/>
          <a:ext cx="0" cy="0"/>
          <a:chOff x="0" y="0"/>
          <a:chExt cx="0" cy="0"/>
        </a:xfrm>
      </p:grpSpPr>
      <p:pic>
        <p:nvPicPr>
          <p:cNvPr id="4" name="Blue">
            <a:extLst>
              <a:ext uri="{FF2B5EF4-FFF2-40B4-BE49-F238E27FC236}">
                <a16:creationId xmlns:a16="http://schemas.microsoft.com/office/drawing/2014/main" id="{E556118B-C8DF-73D4-809C-841F54BD675C}"/>
              </a:ext>
            </a:extLst>
          </p:cNvPr>
          <p:cNvPicPr>
            <a:picLocks noChangeAspect="1"/>
          </p:cNvPicPr>
          <p:nvPr userDrawn="1"/>
        </p:nvPicPr>
        <p:blipFill>
          <a:blip r:embed="rId2"/>
          <a:stretch>
            <a:fillRect/>
          </a:stretch>
        </p:blipFill>
        <p:spPr>
          <a:xfrm>
            <a:off x="-7144" y="2476785"/>
            <a:ext cx="7954804" cy="2666715"/>
          </a:xfrm>
          <a:prstGeom prst="rect">
            <a:avLst/>
          </a:prstGeom>
        </p:spPr>
      </p:pic>
      <p:sp>
        <p:nvSpPr>
          <p:cNvPr id="10" name="Picture Placeholder 9">
            <a:extLst>
              <a:ext uri="{FF2B5EF4-FFF2-40B4-BE49-F238E27FC236}">
                <a16:creationId xmlns:a16="http://schemas.microsoft.com/office/drawing/2014/main" id="{11943111-28A3-732F-8E0A-651AB9F68370}"/>
              </a:ext>
            </a:extLst>
          </p:cNvPr>
          <p:cNvSpPr>
            <a:spLocks noGrp="1"/>
          </p:cNvSpPr>
          <p:nvPr>
            <p:ph type="pic" sz="quarter" idx="11"/>
          </p:nvPr>
        </p:nvSpPr>
        <p:spPr>
          <a:xfrm>
            <a:off x="0" y="2520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7935389 w 9144000"/>
              <a:gd name="connsiteY3" fmla="*/ 4992300 h 4992300"/>
              <a:gd name="connsiteX4" fmla="*/ 7732783 w 9144000"/>
              <a:gd name="connsiteY4" fmla="*/ 4758404 h 4992300"/>
              <a:gd name="connsiteX5" fmla="*/ 2269973 w 9144000"/>
              <a:gd name="connsiteY5" fmla="*/ 2340549 h 4992300"/>
              <a:gd name="connsiteX6" fmla="*/ 75387 w 9144000"/>
              <a:gd name="connsiteY6" fmla="*/ 2672339 h 4992300"/>
              <a:gd name="connsiteX7" fmla="*/ 0 w 9144000"/>
              <a:gd name="connsiteY7" fmla="*/ 2697847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44000" h="4992300">
                <a:moveTo>
                  <a:pt x="0" y="0"/>
                </a:moveTo>
                <a:lnTo>
                  <a:pt x="9144000" y="0"/>
                </a:lnTo>
                <a:lnTo>
                  <a:pt x="9144000" y="4992300"/>
                </a:lnTo>
                <a:lnTo>
                  <a:pt x="7935389" y="4992300"/>
                </a:lnTo>
                <a:lnTo>
                  <a:pt x="7732783" y="4758404"/>
                </a:lnTo>
                <a:cubicBezTo>
                  <a:pt x="6382775" y="3273065"/>
                  <a:pt x="4435274" y="2340549"/>
                  <a:pt x="2269973" y="2340549"/>
                </a:cubicBezTo>
                <a:cubicBezTo>
                  <a:pt x="1505749" y="2340549"/>
                  <a:pt x="768656" y="2456710"/>
                  <a:pt x="75387" y="2672339"/>
                </a:cubicBezTo>
                <a:lnTo>
                  <a:pt x="0" y="2697847"/>
                </a:lnTo>
                <a:close/>
              </a:path>
            </a:pathLst>
          </a:custGeom>
          <a:solidFill>
            <a:schemeClr val="bg1">
              <a:lumMod val="85000"/>
            </a:schemeClr>
          </a:solidFill>
        </p:spPr>
        <p:txBody>
          <a:bodyPr wrap="square">
            <a:noAutofit/>
          </a:bodyPr>
          <a:lstStyle>
            <a:lvl1pPr algn="ctr">
              <a:defRPr>
                <a:solidFill>
                  <a:schemeClr val="bg1"/>
                </a:solidFill>
              </a:defRPr>
            </a:lvl1pPr>
          </a:lstStyle>
          <a:p>
            <a:endParaRPr lang="en-GB"/>
          </a:p>
        </p:txBody>
      </p:sp>
      <p:sp>
        <p:nvSpPr>
          <p:cNvPr id="2" name="Date" descr="{&quot;templafy&quot;:{&quot;id&quot;:&quot;a943fb61-a3c7-42e6-8d36-01efdb34072a&quot;}}">
            <a:extLst>
              <a:ext uri="{FF2B5EF4-FFF2-40B4-BE49-F238E27FC236}">
                <a16:creationId xmlns:a16="http://schemas.microsoft.com/office/drawing/2014/main" id="{FA64D90C-FBCE-C255-7637-2D003C5018B5}"/>
              </a:ext>
            </a:extLst>
          </p:cNvPr>
          <p:cNvSpPr/>
          <p:nvPr userDrawn="1"/>
        </p:nvSpPr>
        <p:spPr>
          <a:xfrm>
            <a:off x="511200" y="2856963"/>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6" name="Text Placeholder 7">
            <a:extLst>
              <a:ext uri="{FF2B5EF4-FFF2-40B4-BE49-F238E27FC236}">
                <a16:creationId xmlns:a16="http://schemas.microsoft.com/office/drawing/2014/main" id="{825ADDEB-A532-B0A1-C6BA-FBC7A98FEB9F}"/>
              </a:ext>
            </a:extLst>
          </p:cNvPr>
          <p:cNvSpPr>
            <a:spLocks noGrp="1"/>
          </p:cNvSpPr>
          <p:nvPr>
            <p:ph type="body" sz="quarter" idx="10" hasCustomPrompt="1"/>
          </p:nvPr>
        </p:nvSpPr>
        <p:spPr>
          <a:xfrm>
            <a:off x="510147" y="3093668"/>
            <a:ext cx="4768147"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GB" b="0" i="0" err="1">
                <a:solidFill>
                  <a:srgbClr val="FFFFFF"/>
                </a:solidFill>
                <a:effectLst/>
                <a:latin typeface="-apple-system"/>
              </a:rPr>
              <a:t>Titel</a:t>
            </a:r>
            <a:r>
              <a:rPr lang="en-GB" b="0" i="0">
                <a:solidFill>
                  <a:srgbClr val="FFFFFF"/>
                </a:solidFill>
                <a:effectLst/>
                <a:latin typeface="-apple-system"/>
              </a:rPr>
              <a:t> over </a:t>
            </a:r>
            <a:r>
              <a:rPr lang="en-GB" b="0" i="0" err="1">
                <a:solidFill>
                  <a:srgbClr val="FFFFFF"/>
                </a:solidFill>
                <a:effectLst/>
                <a:latin typeface="-apple-system"/>
              </a:rPr>
              <a:t>één</a:t>
            </a:r>
            <a:r>
              <a:rPr lang="en-GB" b="0" i="0">
                <a:solidFill>
                  <a:srgbClr val="FFFFFF"/>
                </a:solidFill>
                <a:effectLst/>
                <a:latin typeface="-apple-system"/>
              </a:rPr>
              <a:t> regel</a:t>
            </a:r>
            <a:endParaRPr lang="en-US"/>
          </a:p>
        </p:txBody>
      </p:sp>
      <p:pic>
        <p:nvPicPr>
          <p:cNvPr id="3" name="Picture 2">
            <a:extLst>
              <a:ext uri="{FF2B5EF4-FFF2-40B4-BE49-F238E27FC236}">
                <a16:creationId xmlns:a16="http://schemas.microsoft.com/office/drawing/2014/main" id="{2287A57A-E449-8F3B-0E2D-4DD5858DBD11}"/>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553836665"/>
      </p:ext>
    </p:extLst>
  </p:cSld>
  <p:clrMapOvr>
    <a:overrideClrMapping bg1="lt1" tx1="dk1" bg2="lt2" tx2="dk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Voorpagina (Afbeelding) 2">
    <p:bg>
      <p:bgRef idx="1001">
        <a:schemeClr val="bg1"/>
      </p:bgRef>
    </p:bg>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5A5F1B40-8C97-EC46-7D5D-9EEBA1D1E119}"/>
              </a:ext>
            </a:extLst>
          </p:cNvPr>
          <p:cNvSpPr>
            <a:spLocks noGrp="1"/>
          </p:cNvSpPr>
          <p:nvPr>
            <p:ph type="pic" sz="quarter" idx="11"/>
          </p:nvPr>
        </p:nvSpPr>
        <p:spPr>
          <a:xfrm>
            <a:off x="0" y="2520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4398438 w 9144000"/>
              <a:gd name="connsiteY3" fmla="*/ 4992300 h 4992300"/>
              <a:gd name="connsiteX4" fmla="*/ 4859975 w 9144000"/>
              <a:gd name="connsiteY4" fmla="*/ 2653786 h 4992300"/>
              <a:gd name="connsiteX5" fmla="*/ 0 w 9144000"/>
              <a:gd name="connsiteY5" fmla="*/ 1694939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144000" h="4992300">
                <a:moveTo>
                  <a:pt x="0" y="0"/>
                </a:moveTo>
                <a:lnTo>
                  <a:pt x="9144000" y="0"/>
                </a:lnTo>
                <a:lnTo>
                  <a:pt x="9144000" y="4992300"/>
                </a:lnTo>
                <a:lnTo>
                  <a:pt x="4398438" y="4992300"/>
                </a:lnTo>
                <a:lnTo>
                  <a:pt x="4859975" y="2653786"/>
                </a:lnTo>
                <a:lnTo>
                  <a:pt x="0" y="1694939"/>
                </a:lnTo>
                <a:close/>
              </a:path>
            </a:pathLst>
          </a:custGeom>
          <a:solidFill>
            <a:schemeClr val="bg1">
              <a:lumMod val="85000"/>
            </a:schemeClr>
          </a:solidFill>
        </p:spPr>
        <p:txBody>
          <a:bodyPr wrap="square" anchor="t">
            <a:noAutofit/>
          </a:bodyPr>
          <a:lstStyle>
            <a:lvl1pPr algn="ctr">
              <a:defRPr>
                <a:solidFill>
                  <a:schemeClr val="bg1"/>
                </a:solidFill>
              </a:defRPr>
            </a:lvl1pPr>
          </a:lstStyle>
          <a:p>
            <a:endParaRPr lang="en-GB"/>
          </a:p>
        </p:txBody>
      </p:sp>
      <p:pic>
        <p:nvPicPr>
          <p:cNvPr id="6" name="Blue">
            <a:extLst>
              <a:ext uri="{FF2B5EF4-FFF2-40B4-BE49-F238E27FC236}">
                <a16:creationId xmlns:a16="http://schemas.microsoft.com/office/drawing/2014/main" id="{8D26B84C-B6C5-1FEB-5E2E-009D0F9AABCA}"/>
              </a:ext>
            </a:extLst>
          </p:cNvPr>
          <p:cNvPicPr>
            <a:picLocks noChangeAspect="1"/>
          </p:cNvPicPr>
          <p:nvPr userDrawn="1"/>
        </p:nvPicPr>
        <p:blipFill>
          <a:blip r:embed="rId2"/>
          <a:stretch>
            <a:fillRect/>
          </a:stretch>
        </p:blipFill>
        <p:spPr>
          <a:xfrm>
            <a:off x="0" y="1836420"/>
            <a:ext cx="4862029" cy="3306180"/>
          </a:xfrm>
          <a:prstGeom prst="rect">
            <a:avLst/>
          </a:prstGeom>
        </p:spPr>
      </p:pic>
      <p:sp>
        <p:nvSpPr>
          <p:cNvPr id="3" name="Date" descr="{&quot;templafy&quot;:{&quot;id&quot;:&quot;1acaa9ad-7cf4-46a7-9762-ebff935299fc&quot;}}">
            <a:extLst>
              <a:ext uri="{FF2B5EF4-FFF2-40B4-BE49-F238E27FC236}">
                <a16:creationId xmlns:a16="http://schemas.microsoft.com/office/drawing/2014/main" id="{ED6CB6AF-71CB-7105-893B-F5B32ABCC0D7}"/>
              </a:ext>
            </a:extLst>
          </p:cNvPr>
          <p:cNvSpPr/>
          <p:nvPr userDrawn="1"/>
        </p:nvSpPr>
        <p:spPr>
          <a:xfrm>
            <a:off x="510148" y="2406962"/>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5" name="Text Placeholder 7">
            <a:extLst>
              <a:ext uri="{FF2B5EF4-FFF2-40B4-BE49-F238E27FC236}">
                <a16:creationId xmlns:a16="http://schemas.microsoft.com/office/drawing/2014/main" id="{A92EBDA3-E0CB-39B2-67F5-12953AC42FF6}"/>
              </a:ext>
            </a:extLst>
          </p:cNvPr>
          <p:cNvSpPr>
            <a:spLocks noGrp="1"/>
          </p:cNvSpPr>
          <p:nvPr>
            <p:ph type="body" sz="quarter" idx="10"/>
          </p:nvPr>
        </p:nvSpPr>
        <p:spPr>
          <a:xfrm>
            <a:off x="510148" y="2747340"/>
            <a:ext cx="4233302" cy="111495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pic>
        <p:nvPicPr>
          <p:cNvPr id="2" name="Picture 1">
            <a:extLst>
              <a:ext uri="{FF2B5EF4-FFF2-40B4-BE49-F238E27FC236}">
                <a16:creationId xmlns:a16="http://schemas.microsoft.com/office/drawing/2014/main" id="{E0B77FF3-A5D7-9506-4DB8-D55048A22D4A}"/>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4056623694"/>
      </p:ext>
    </p:extLst>
  </p:cSld>
  <p:clrMapOvr>
    <a:overrideClrMapping bg1="lt1" tx1="dk1" bg2="lt2" tx2="dk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nr.›</a:t>
            </a:fld>
            <a:endParaRPr lang="en-GB"/>
          </a:p>
        </p:txBody>
      </p:sp>
      <p:sp>
        <p:nvSpPr>
          <p:cNvPr id="5" name="Content Placeholder 5">
            <a:extLst>
              <a:ext uri="{FF2B5EF4-FFF2-40B4-BE49-F238E27FC236}">
                <a16:creationId xmlns:a16="http://schemas.microsoft.com/office/drawing/2014/main" id="{1ED8DEC5-E7F6-1780-5518-775B4FF67C68}"/>
              </a:ext>
            </a:extLst>
          </p:cNvPr>
          <p:cNvSpPr>
            <a:spLocks noGrp="1"/>
          </p:cNvSpPr>
          <p:nvPr>
            <p:ph sz="quarter" idx="15"/>
          </p:nvPr>
        </p:nvSpPr>
        <p:spPr>
          <a:xfrm>
            <a:off x="511200" y="1120140"/>
            <a:ext cx="8126878"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9081296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tekst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nr.›</a:t>
            </a:fld>
            <a:endParaRPr lang="en-GB"/>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1347" y="1120140"/>
            <a:ext cx="3797364"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5">
            <a:extLst>
              <a:ext uri="{FF2B5EF4-FFF2-40B4-BE49-F238E27FC236}">
                <a16:creationId xmlns:a16="http://schemas.microsoft.com/office/drawing/2014/main" id="{F6DED9DE-B63F-6397-27CB-0718C5F6A7D2}"/>
              </a:ext>
            </a:extLst>
          </p:cNvPr>
          <p:cNvSpPr>
            <a:spLocks noGrp="1"/>
          </p:cNvSpPr>
          <p:nvPr>
            <p:ph sz="quarter" idx="15" hasCustomPrompt="1"/>
          </p:nvPr>
        </p:nvSpPr>
        <p:spPr>
          <a:xfrm>
            <a:off x="4835291" y="1120140"/>
            <a:ext cx="3804979" cy="3258928"/>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Tree>
    <p:extLst>
      <p:ext uri="{BB962C8B-B14F-4D97-AF65-F5344CB8AC3E}">
        <p14:creationId xmlns:p14="http://schemas.microsoft.com/office/powerpoint/2010/main" val="286782412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en twee inhou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nr.›</a:t>
            </a:fld>
            <a:endParaRPr lang="en-GB"/>
          </a:p>
        </p:txBody>
      </p:sp>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5" name="Content Placeholder 5">
            <a:extLst>
              <a:ext uri="{FF2B5EF4-FFF2-40B4-BE49-F238E27FC236}">
                <a16:creationId xmlns:a16="http://schemas.microsoft.com/office/drawing/2014/main" id="{8A1F67DD-BD03-DFF8-A760-ADDAD75D6A39}"/>
              </a:ext>
            </a:extLst>
          </p:cNvPr>
          <p:cNvSpPr>
            <a:spLocks noGrp="1"/>
          </p:cNvSpPr>
          <p:nvPr>
            <p:ph sz="quarter" idx="15"/>
          </p:nvPr>
        </p:nvSpPr>
        <p:spPr>
          <a:xfrm>
            <a:off x="511200" y="1120140"/>
            <a:ext cx="3797510"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5">
            <a:extLst>
              <a:ext uri="{FF2B5EF4-FFF2-40B4-BE49-F238E27FC236}">
                <a16:creationId xmlns:a16="http://schemas.microsoft.com/office/drawing/2014/main" id="{F8942AED-FAE1-1E30-F892-CB3247362C8D}"/>
              </a:ext>
            </a:extLst>
          </p:cNvPr>
          <p:cNvSpPr>
            <a:spLocks noGrp="1"/>
          </p:cNvSpPr>
          <p:nvPr>
            <p:ph sz="quarter" idx="16" hasCustomPrompt="1"/>
          </p:nvPr>
        </p:nvSpPr>
        <p:spPr>
          <a:xfrm>
            <a:off x="4835292" y="1120140"/>
            <a:ext cx="3804979" cy="3258928"/>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Tree>
    <p:extLst>
      <p:ext uri="{BB962C8B-B14F-4D97-AF65-F5344CB8AC3E}">
        <p14:creationId xmlns:p14="http://schemas.microsoft.com/office/powerpoint/2010/main" val="42703747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Kleurverloop links">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B00A1EB-6381-E341-B4CF-FEDC7E23D7BF}"/>
              </a:ext>
            </a:extLst>
          </p:cNvPr>
          <p:cNvSpPr/>
          <p:nvPr userDrawn="1"/>
        </p:nvSpPr>
        <p:spPr>
          <a:xfrm>
            <a:off x="0" y="252000"/>
            <a:ext cx="9144000" cy="499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nr.›</a:t>
            </a:fld>
            <a:endParaRPr lang="en-GB"/>
          </a:p>
        </p:txBody>
      </p:sp>
      <p:sp>
        <p:nvSpPr>
          <p:cNvPr id="5" name="Freeform: Shape 4">
            <a:extLst>
              <a:ext uri="{FF2B5EF4-FFF2-40B4-BE49-F238E27FC236}">
                <a16:creationId xmlns:a16="http://schemas.microsoft.com/office/drawing/2014/main" id="{01B50ED7-BC71-BBC1-D94D-318F228236BD}"/>
              </a:ext>
            </a:extLst>
          </p:cNvPr>
          <p:cNvSpPr/>
          <p:nvPr userDrawn="1"/>
        </p:nvSpPr>
        <p:spPr>
          <a:xfrm>
            <a:off x="0" y="252000"/>
            <a:ext cx="3060000" cy="4992300"/>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0542" y="1796400"/>
            <a:ext cx="2015258" cy="25848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1" name="Content Placeholder 5">
            <a:extLst>
              <a:ext uri="{FF2B5EF4-FFF2-40B4-BE49-F238E27FC236}">
                <a16:creationId xmlns:a16="http://schemas.microsoft.com/office/drawing/2014/main" id="{9EC374C0-C935-AE39-C577-7C7447F8C1BF}"/>
              </a:ext>
            </a:extLst>
          </p:cNvPr>
          <p:cNvSpPr>
            <a:spLocks noGrp="1"/>
          </p:cNvSpPr>
          <p:nvPr>
            <p:ph sz="quarter" idx="15" hasCustomPrompt="1"/>
          </p:nvPr>
        </p:nvSpPr>
        <p:spPr>
          <a:xfrm>
            <a:off x="3594201" y="435548"/>
            <a:ext cx="5046070" cy="3943520"/>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
        <p:nvSpPr>
          <p:cNvPr id="18" name="Title 17">
            <a:extLst>
              <a:ext uri="{FF2B5EF4-FFF2-40B4-BE49-F238E27FC236}">
                <a16:creationId xmlns:a16="http://schemas.microsoft.com/office/drawing/2014/main" id="{4A16BE21-A2AE-640F-E15C-4C56840EFEC6}"/>
              </a:ext>
            </a:extLst>
          </p:cNvPr>
          <p:cNvSpPr>
            <a:spLocks noGrp="1"/>
          </p:cNvSpPr>
          <p:nvPr>
            <p:ph type="title"/>
          </p:nvPr>
        </p:nvSpPr>
        <p:spPr>
          <a:xfrm>
            <a:off x="511348" y="435547"/>
            <a:ext cx="2014452" cy="1087200"/>
          </a:xfrm>
        </p:spPr>
        <p:txBody>
          <a:bodyPr/>
          <a:lstStyle/>
          <a:p>
            <a:r>
              <a:rPr lang="en-US"/>
              <a:t>Click to edit Master title style</a:t>
            </a:r>
            <a:endParaRPr lang="en-GB"/>
          </a:p>
        </p:txBody>
      </p:sp>
      <p:pic>
        <p:nvPicPr>
          <p:cNvPr id="4" name="Picture 3">
            <a:extLst>
              <a:ext uri="{FF2B5EF4-FFF2-40B4-BE49-F238E27FC236}">
                <a16:creationId xmlns:a16="http://schemas.microsoft.com/office/drawing/2014/main" id="{65220F98-0FAC-CDA7-67A0-ECF99281A12B}"/>
              </a:ext>
            </a:extLst>
          </p:cNvPr>
          <p:cNvPicPr>
            <a:picLocks noChangeAspect="1"/>
          </p:cNvPicPr>
          <p:nvPr userDrawn="1"/>
        </p:nvPicPr>
        <p:blipFill>
          <a:blip r:embed="rId2"/>
          <a:stretch>
            <a:fillRect/>
          </a:stretch>
        </p:blipFill>
        <p:spPr>
          <a:xfrm>
            <a:off x="466487" y="4582436"/>
            <a:ext cx="1112400" cy="413812"/>
          </a:xfrm>
          <a:prstGeom prst="rect">
            <a:avLst/>
          </a:prstGeom>
        </p:spPr>
      </p:pic>
    </p:spTree>
    <p:extLst>
      <p:ext uri="{BB962C8B-B14F-4D97-AF65-F5344CB8AC3E}">
        <p14:creationId xmlns:p14="http://schemas.microsoft.com/office/powerpoint/2010/main" val="146852453"/>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 name="Freeform: Shape 2">
            <a:extLst>
              <a:ext uri="{FF2B5EF4-FFF2-40B4-BE49-F238E27FC236}">
                <a16:creationId xmlns:a16="http://schemas.microsoft.com/office/drawing/2014/main" id="{12A1B0EF-BB22-B1BB-7834-8BCDBD7DC7BD}"/>
              </a:ext>
            </a:extLst>
          </p:cNvPr>
          <p:cNvSpPr/>
          <p:nvPr userDrawn="1"/>
        </p:nvSpPr>
        <p:spPr>
          <a:xfrm>
            <a:off x="0" y="252000"/>
            <a:ext cx="9144000" cy="748801"/>
          </a:xfrm>
          <a:custGeom>
            <a:avLst/>
            <a:gdLst>
              <a:gd name="connsiteX0" fmla="*/ 0 w 9144000"/>
              <a:gd name="connsiteY0" fmla="*/ 0 h 748801"/>
              <a:gd name="connsiteX1" fmla="*/ 9144000 w 9144000"/>
              <a:gd name="connsiteY1" fmla="*/ 0 h 748801"/>
              <a:gd name="connsiteX2" fmla="*/ 9144000 w 9144000"/>
              <a:gd name="connsiteY2" fmla="*/ 748801 h 748801"/>
              <a:gd name="connsiteX3" fmla="*/ 0 w 9144000"/>
              <a:gd name="connsiteY3" fmla="*/ 748801 h 748801"/>
            </a:gdLst>
            <a:ahLst/>
            <a:cxnLst>
              <a:cxn ang="0">
                <a:pos x="connsiteX0" y="connsiteY0"/>
              </a:cxn>
              <a:cxn ang="0">
                <a:pos x="connsiteX1" y="connsiteY1"/>
              </a:cxn>
              <a:cxn ang="0">
                <a:pos x="connsiteX2" y="connsiteY2"/>
              </a:cxn>
              <a:cxn ang="0">
                <a:pos x="connsiteX3" y="connsiteY3"/>
              </a:cxn>
            </a:cxnLst>
            <a:rect l="l" t="t" r="r" b="b"/>
            <a:pathLst>
              <a:path w="9144000" h="748801">
                <a:moveTo>
                  <a:pt x="0" y="0"/>
                </a:moveTo>
                <a:lnTo>
                  <a:pt x="9144000" y="0"/>
                </a:lnTo>
                <a:lnTo>
                  <a:pt x="9144000" y="748801"/>
                </a:lnTo>
                <a:lnTo>
                  <a:pt x="0" y="748801"/>
                </a:lnTo>
                <a:close/>
              </a:path>
            </a:pathLst>
          </a:custGeom>
          <a:gradFill flip="none" rotWithShape="1">
            <a:gsLst>
              <a:gs pos="0">
                <a:schemeClr val="accent1"/>
              </a:gs>
              <a:gs pos="100000">
                <a:srgbClr val="3B54F5"/>
              </a:gs>
            </a:gsLst>
            <a:lin ang="3000000" scaled="0"/>
            <a:tileRect/>
          </a:gradFill>
          <a:ln>
            <a:noFill/>
          </a:ln>
        </p:spPr>
        <p:style>
          <a:lnRef idx="2">
            <a:schemeClr val="accent6">
              <a:shade val="50000"/>
            </a:schemeClr>
          </a:lnRef>
          <a:fillRef idx="1">
            <a:schemeClr val="accent6"/>
          </a:fillRef>
          <a:effectRef idx="0">
            <a:schemeClr val="accent6"/>
          </a:effectRef>
          <a:fontRef idx="minor">
            <a:schemeClr val="lt1"/>
          </a:fontRef>
        </p:style>
        <p:txBody>
          <a:bodyPr wrap="square" rtlCol="0" anchor="ctr">
            <a:noAutofit/>
          </a:bodyPr>
          <a:lstStyle/>
          <a:p>
            <a:pPr algn="ctr"/>
            <a:endParaRPr lang="en-GB"/>
          </a:p>
        </p:txBody>
      </p:sp>
      <p:pic>
        <p:nvPicPr>
          <p:cNvPr id="5" name="Picture 4">
            <a:extLst>
              <a:ext uri="{FF2B5EF4-FFF2-40B4-BE49-F238E27FC236}">
                <a16:creationId xmlns:a16="http://schemas.microsoft.com/office/drawing/2014/main" id="{7838CC50-91A2-7356-8C25-4E251BE7D5D0}"/>
              </a:ext>
            </a:extLst>
          </p:cNvPr>
          <p:cNvPicPr>
            <a:picLocks noChangeAspect="1"/>
          </p:cNvPicPr>
          <p:nvPr userDrawn="1"/>
        </p:nvPicPr>
        <p:blipFill>
          <a:blip r:embed="rId14"/>
          <a:stretch>
            <a:fillRect/>
          </a:stretch>
        </p:blipFill>
        <p:spPr>
          <a:xfrm>
            <a:off x="464270" y="4583856"/>
            <a:ext cx="1112901" cy="414000"/>
          </a:xfrm>
          <a:prstGeom prst="rect">
            <a:avLst/>
          </a:prstGeom>
        </p:spPr>
      </p:pic>
      <p:sp>
        <p:nvSpPr>
          <p:cNvPr id="11" name="Title Placeholder 1"/>
          <p:cNvSpPr>
            <a:spLocks noGrp="1"/>
          </p:cNvSpPr>
          <p:nvPr>
            <p:ph type="title"/>
          </p:nvPr>
        </p:nvSpPr>
        <p:spPr>
          <a:xfrm>
            <a:off x="511348" y="435549"/>
            <a:ext cx="8126878" cy="364326"/>
          </a:xfrm>
          <a:prstGeom prst="rect">
            <a:avLst/>
          </a:prstGeom>
        </p:spPr>
        <p:txBody>
          <a:bodyPr vert="horz" lIns="0" tIns="0" rIns="0" bIns="0" rtlCol="0" anchor="t" anchorCtr="0">
            <a:normAutofit/>
          </a:bodyPr>
          <a:lstStyle/>
          <a:p>
            <a:endParaRPr lang="en-US"/>
          </a:p>
        </p:txBody>
      </p:sp>
      <p:sp>
        <p:nvSpPr>
          <p:cNvPr id="35" name="Slide Number Placeholder 34">
            <a:extLst>
              <a:ext uri="{FF2B5EF4-FFF2-40B4-BE49-F238E27FC236}">
                <a16:creationId xmlns:a16="http://schemas.microsoft.com/office/drawing/2014/main" id="{1103C625-FFD8-290F-D2E8-C1121E56CDBC}"/>
              </a:ext>
            </a:extLst>
          </p:cNvPr>
          <p:cNvSpPr>
            <a:spLocks noGrp="1"/>
          </p:cNvSpPr>
          <p:nvPr>
            <p:ph type="sldNum" sz="quarter" idx="4"/>
          </p:nvPr>
        </p:nvSpPr>
        <p:spPr>
          <a:xfrm>
            <a:off x="8119110" y="4741067"/>
            <a:ext cx="519115" cy="197644"/>
          </a:xfrm>
          <a:prstGeom prst="rect">
            <a:avLst/>
          </a:prstGeom>
        </p:spPr>
        <p:txBody>
          <a:bodyPr vert="horz" lIns="0" tIns="0" rIns="0" bIns="0" rtlCol="0" anchor="ctr"/>
          <a:lstStyle>
            <a:lvl1pPr algn="r">
              <a:defRPr sz="900">
                <a:solidFill>
                  <a:schemeClr val="tx1"/>
                </a:solidFill>
              </a:defRPr>
            </a:lvl1pPr>
          </a:lstStyle>
          <a:p>
            <a:fld id="{A57ACD69-77E0-4B27-BE9A-0E1A45A60CED}" type="slidenum">
              <a:rPr lang="en-US" smtClean="0"/>
              <a:pPr/>
              <a:t>‹nr.›</a:t>
            </a:fld>
            <a:endParaRPr lang="en-GB"/>
          </a:p>
        </p:txBody>
      </p:sp>
      <p:sp>
        <p:nvSpPr>
          <p:cNvPr id="24" name="Text Placeholder 23">
            <a:extLst>
              <a:ext uri="{FF2B5EF4-FFF2-40B4-BE49-F238E27FC236}">
                <a16:creationId xmlns:a16="http://schemas.microsoft.com/office/drawing/2014/main" id="{56927167-F590-44A8-9814-EEA335473390}"/>
              </a:ext>
            </a:extLst>
          </p:cNvPr>
          <p:cNvSpPr>
            <a:spLocks noGrp="1"/>
          </p:cNvSpPr>
          <p:nvPr>
            <p:ph type="body" idx="1"/>
          </p:nvPr>
        </p:nvSpPr>
        <p:spPr>
          <a:xfrm>
            <a:off x="511347" y="1120140"/>
            <a:ext cx="8126878" cy="3258928"/>
          </a:xfrm>
          <a:prstGeom prst="rect">
            <a:avLst/>
          </a:prstGeom>
        </p:spPr>
        <p:txBody>
          <a:bodyPr vert="horz" wrap="square"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3"/>
            <a:endParaRPr lang="en-US"/>
          </a:p>
        </p:txBody>
      </p:sp>
    </p:spTree>
    <p:extLst>
      <p:ext uri="{BB962C8B-B14F-4D97-AF65-F5344CB8AC3E}">
        <p14:creationId xmlns:p14="http://schemas.microsoft.com/office/powerpoint/2010/main" val="983045303"/>
      </p:ext>
    </p:extLst>
  </p:cSld>
  <p:clrMap bg1="lt1" tx1="dk1" bg2="lt2" tx2="dk2" accent1="accent1" accent2="accent2" accent3="accent3" accent4="accent4" accent5="accent5" accent6="accent6" hlink="hlink" folHlink="folHlink"/>
  <p:sldLayoutIdLst>
    <p:sldLayoutId id="2147483648" r:id="rId1"/>
    <p:sldLayoutId id="2147483670" r:id="rId2"/>
    <p:sldLayoutId id="2147483671" r:id="rId3"/>
    <p:sldLayoutId id="2147483672" r:id="rId4"/>
    <p:sldLayoutId id="2147483673" r:id="rId5"/>
    <p:sldLayoutId id="2147483674" r:id="rId6"/>
    <p:sldLayoutId id="2147483675" r:id="rId7"/>
    <p:sldLayoutId id="2147483676" r:id="rId8"/>
    <p:sldLayoutId id="2147483679" r:id="rId9"/>
    <p:sldLayoutId id="2147483680" r:id="rId10"/>
    <p:sldLayoutId id="2147483682" r:id="rId11"/>
    <p:sldLayoutId id="2147483681" r:id="rId12"/>
  </p:sldLayoutIdLst>
  <p:hf hdr="0"/>
  <p:txStyles>
    <p:titleStyle>
      <a:lvl1pPr algn="l" defTabSz="914400" rtl="0" eaLnBrk="1" latinLnBrk="0" hangingPunct="1">
        <a:lnSpc>
          <a:spcPct val="100000"/>
        </a:lnSpc>
        <a:spcBef>
          <a:spcPct val="0"/>
        </a:spcBef>
        <a:buNone/>
        <a:defRPr sz="2250" kern="1200">
          <a:solidFill>
            <a:schemeClr val="bg1"/>
          </a:solidFill>
          <a:latin typeface="+mj-lt"/>
          <a:ea typeface="+mj-ea"/>
          <a:cs typeface="+mj-cs"/>
        </a:defRPr>
      </a:lvl1pPr>
    </p:titleStyle>
    <p:body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620" userDrawn="1">
          <p15:clr>
            <a:srgbClr val="F26B43"/>
          </p15:clr>
        </p15:guide>
        <p15:guide id="2" pos="2880"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2.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6.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5.xml.rels><?xml version="1.0" encoding="UTF-8" standalone="yes"?>
<Relationships xmlns="http://schemas.openxmlformats.org/package/2006/relationships"><Relationship Id="rId3" Type="http://schemas.openxmlformats.org/officeDocument/2006/relationships/hyperlink" Target="https://www.dnb.nl/voor-de-sector/open-boek-toezicht/" TargetMode="External"/><Relationship Id="rId2" Type="http://schemas.openxmlformats.org/officeDocument/2006/relationships/notesSlide" Target="../notesSlides/notesSlide2.xml"/><Relationship Id="rId1" Type="http://schemas.openxmlformats.org/officeDocument/2006/relationships/slideLayout" Target="../slideLayouts/slideLayout7.xml"/><Relationship Id="rId6" Type="http://schemas.openxmlformats.org/officeDocument/2006/relationships/hyperlink" Target="mailto:WTPcommunicatie@dnb.nl" TargetMode="External"/><Relationship Id="rId5" Type="http://schemas.openxmlformats.org/officeDocument/2006/relationships/hyperlink" Target="https://www.dnb.nl/voor-de-sector/wet-toekomst-pensioenen/" TargetMode="External"/><Relationship Id="rId4" Type="http://schemas.openxmlformats.org/officeDocument/2006/relationships/hyperlink" Target="https://www.dnb.nl/voor-de-sector/open-boek-toezicht/sectoren/pensioenfondsen/verzamelpagina-transitie-wet-toekomst-pensioenen/"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5A7CC602-B70A-805D-59A2-7E075C0B76E1}"/>
              </a:ext>
            </a:extLst>
          </p:cNvPr>
          <p:cNvSpPr>
            <a:spLocks noGrp="1"/>
          </p:cNvSpPr>
          <p:nvPr>
            <p:ph type="body" sz="quarter" idx="10"/>
          </p:nvPr>
        </p:nvSpPr>
        <p:spPr>
          <a:xfrm>
            <a:off x="510148" y="2571750"/>
            <a:ext cx="5447738" cy="768625"/>
          </a:xfrm>
        </p:spPr>
        <p:txBody>
          <a:bodyPr/>
          <a:lstStyle/>
          <a:p>
            <a:r>
              <a:rPr lang="nl-NL" dirty="0"/>
              <a:t>WTP-</a:t>
            </a:r>
            <a:r>
              <a:rPr lang="nl-NL" dirty="0" err="1"/>
              <a:t>webinar</a:t>
            </a:r>
            <a:r>
              <a:rPr lang="nl-NL" dirty="0"/>
              <a:t>: Onderbouwing van een evenwichtige transitie</a:t>
            </a:r>
          </a:p>
        </p:txBody>
      </p:sp>
      <p:sp>
        <p:nvSpPr>
          <p:cNvPr id="11" name="Text Placeholder 10">
            <a:extLst>
              <a:ext uri="{FF2B5EF4-FFF2-40B4-BE49-F238E27FC236}">
                <a16:creationId xmlns:a16="http://schemas.microsoft.com/office/drawing/2014/main" id="{C1AEF188-BC9A-DAC2-1959-15B7CD467711}"/>
              </a:ext>
            </a:extLst>
          </p:cNvPr>
          <p:cNvSpPr>
            <a:spLocks noGrp="1"/>
          </p:cNvSpPr>
          <p:nvPr>
            <p:ph type="body" sz="quarter" idx="11"/>
          </p:nvPr>
        </p:nvSpPr>
        <p:spPr/>
        <p:txBody>
          <a:bodyPr/>
          <a:lstStyle/>
          <a:p>
            <a:r>
              <a:rPr lang="nl-NL" i="1" dirty="0"/>
              <a:t>Donderdag 13 juni 2024</a:t>
            </a:r>
          </a:p>
        </p:txBody>
      </p:sp>
    </p:spTree>
    <p:custDataLst>
      <p:custData r:id="rId1"/>
      <p:custData r:id="rId2"/>
    </p:custDataLst>
    <p:extLst>
      <p:ext uri="{BB962C8B-B14F-4D97-AF65-F5344CB8AC3E}">
        <p14:creationId xmlns:p14="http://schemas.microsoft.com/office/powerpoint/2010/main" val="109681513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B80AF37-F9C9-8D81-D1AD-3AFA87F171A6}"/>
              </a:ext>
            </a:extLst>
          </p:cNvPr>
          <p:cNvSpPr>
            <a:spLocks noGrp="1"/>
          </p:cNvSpPr>
          <p:nvPr>
            <p:ph type="title"/>
          </p:nvPr>
        </p:nvSpPr>
        <p:spPr/>
        <p:txBody>
          <a:bodyPr/>
          <a:lstStyle/>
          <a:p>
            <a:r>
              <a:rPr lang="nl-NL" noProof="0"/>
              <a:t>Onderbouwing van de transitie</a:t>
            </a:r>
            <a:endParaRPr lang="nl-NL"/>
          </a:p>
        </p:txBody>
      </p:sp>
      <p:sp>
        <p:nvSpPr>
          <p:cNvPr id="3" name="Tijdelijke aanduiding voor dianummer 2">
            <a:extLst>
              <a:ext uri="{FF2B5EF4-FFF2-40B4-BE49-F238E27FC236}">
                <a16:creationId xmlns:a16="http://schemas.microsoft.com/office/drawing/2014/main" id="{31304DCF-D338-C05A-4463-5D895E0B7953}"/>
              </a:ext>
            </a:extLst>
          </p:cNvPr>
          <p:cNvSpPr>
            <a:spLocks noGrp="1"/>
          </p:cNvSpPr>
          <p:nvPr>
            <p:ph type="sldNum" sz="quarter" idx="10"/>
          </p:nvPr>
        </p:nvSpPr>
        <p:spPr/>
        <p:txBody>
          <a:bodyPr/>
          <a:lstStyle/>
          <a:p>
            <a:fld id="{A57ACD69-77E0-4B27-BE9A-0E1A45A60CED}" type="slidenum">
              <a:rPr lang="en-US" smtClean="0"/>
              <a:pPr/>
              <a:t>2</a:t>
            </a:fld>
            <a:endParaRPr lang="en-GB"/>
          </a:p>
        </p:txBody>
      </p:sp>
      <p:graphicFrame>
        <p:nvGraphicFramePr>
          <p:cNvPr id="5" name="Tijdelijke aanduiding voor inhoud 4">
            <a:extLst>
              <a:ext uri="{FF2B5EF4-FFF2-40B4-BE49-F238E27FC236}">
                <a16:creationId xmlns:a16="http://schemas.microsoft.com/office/drawing/2014/main" id="{C2F2586C-921B-76C5-6CE0-A348AB412C01}"/>
              </a:ext>
            </a:extLst>
          </p:cNvPr>
          <p:cNvGraphicFramePr>
            <a:graphicFrameLocks noGrp="1"/>
          </p:cNvGraphicFramePr>
          <p:nvPr>
            <p:ph sz="quarter" idx="15"/>
            <p:extLst>
              <p:ext uri="{D42A27DB-BD31-4B8C-83A1-F6EECF244321}">
                <p14:modId xmlns:p14="http://schemas.microsoft.com/office/powerpoint/2010/main" val="221028924"/>
              </p:ext>
            </p:extLst>
          </p:nvPr>
        </p:nvGraphicFramePr>
        <p:xfrm>
          <a:off x="505775" y="1606761"/>
          <a:ext cx="7690145" cy="333195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12" name="Pijl: gekromd rechts 11">
            <a:extLst>
              <a:ext uri="{FF2B5EF4-FFF2-40B4-BE49-F238E27FC236}">
                <a16:creationId xmlns:a16="http://schemas.microsoft.com/office/drawing/2014/main" id="{6EAFAA0D-5EBF-57E4-038C-F9B31D4616F4}"/>
              </a:ext>
            </a:extLst>
          </p:cNvPr>
          <p:cNvSpPr/>
          <p:nvPr/>
        </p:nvSpPr>
        <p:spPr>
          <a:xfrm>
            <a:off x="2839160" y="1652094"/>
            <a:ext cx="529362" cy="518474"/>
          </a:xfrm>
          <a:prstGeom prst="curvedRightArrow">
            <a:avLst>
              <a:gd name="adj1" fmla="val 10229"/>
              <a:gd name="adj2" fmla="val 50000"/>
              <a:gd name="adj3" fmla="val 25000"/>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a:solidFill>
                <a:schemeClr val="tx1"/>
              </a:solidFill>
            </a:endParaRPr>
          </a:p>
        </p:txBody>
      </p:sp>
      <p:sp>
        <p:nvSpPr>
          <p:cNvPr id="14" name="Rechteraccolade 13">
            <a:extLst>
              <a:ext uri="{FF2B5EF4-FFF2-40B4-BE49-F238E27FC236}">
                <a16:creationId xmlns:a16="http://schemas.microsoft.com/office/drawing/2014/main" id="{3F53EF94-D6F1-CFD7-07D6-7BE2A6507DBC}"/>
              </a:ext>
            </a:extLst>
          </p:cNvPr>
          <p:cNvSpPr/>
          <p:nvPr/>
        </p:nvSpPr>
        <p:spPr>
          <a:xfrm>
            <a:off x="5619689" y="1699221"/>
            <a:ext cx="529362" cy="978790"/>
          </a:xfrm>
          <a:prstGeom prst="rightBrace">
            <a:avLst/>
          </a:prstGeom>
          <a:noFill/>
          <a:ln w="28575">
            <a:solidFill>
              <a:schemeClr val="bg1"/>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nl-NL"/>
          </a:p>
        </p:txBody>
      </p:sp>
      <p:sp>
        <p:nvSpPr>
          <p:cNvPr id="15" name="Pijl: gekromd rechts 14">
            <a:extLst>
              <a:ext uri="{FF2B5EF4-FFF2-40B4-BE49-F238E27FC236}">
                <a16:creationId xmlns:a16="http://schemas.microsoft.com/office/drawing/2014/main" id="{1C45C626-F70D-5BB8-707C-016F8577540C}"/>
              </a:ext>
            </a:extLst>
          </p:cNvPr>
          <p:cNvSpPr/>
          <p:nvPr/>
        </p:nvSpPr>
        <p:spPr>
          <a:xfrm flipH="1">
            <a:off x="6201376" y="2170568"/>
            <a:ext cx="529362" cy="865669"/>
          </a:xfrm>
          <a:prstGeom prst="curvedRightArrow">
            <a:avLst>
              <a:gd name="adj1" fmla="val 17615"/>
              <a:gd name="adj2" fmla="val 48168"/>
              <a:gd name="adj3" fmla="val 25000"/>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a:solidFill>
                <a:schemeClr val="tx1"/>
              </a:solidFill>
            </a:endParaRPr>
          </a:p>
        </p:txBody>
      </p:sp>
      <p:sp>
        <p:nvSpPr>
          <p:cNvPr id="16" name="Pijl: gekromd rechts 15">
            <a:extLst>
              <a:ext uri="{FF2B5EF4-FFF2-40B4-BE49-F238E27FC236}">
                <a16:creationId xmlns:a16="http://schemas.microsoft.com/office/drawing/2014/main" id="{0CF31625-33DC-B645-22A1-8A211AB8C6DB}"/>
              </a:ext>
            </a:extLst>
          </p:cNvPr>
          <p:cNvSpPr/>
          <p:nvPr/>
        </p:nvSpPr>
        <p:spPr>
          <a:xfrm>
            <a:off x="2875407" y="2234741"/>
            <a:ext cx="529362" cy="518474"/>
          </a:xfrm>
          <a:prstGeom prst="curvedRightArrow">
            <a:avLst>
              <a:gd name="adj1" fmla="val 10229"/>
              <a:gd name="adj2" fmla="val 50000"/>
              <a:gd name="adj3" fmla="val 25000"/>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a:solidFill>
                <a:schemeClr val="tx1"/>
              </a:solidFill>
            </a:endParaRPr>
          </a:p>
        </p:txBody>
      </p:sp>
      <p:sp>
        <p:nvSpPr>
          <p:cNvPr id="17" name="Pijl: omlaag 16">
            <a:extLst>
              <a:ext uri="{FF2B5EF4-FFF2-40B4-BE49-F238E27FC236}">
                <a16:creationId xmlns:a16="http://schemas.microsoft.com/office/drawing/2014/main" id="{1762C63D-4E8E-C076-44E8-42DB3569D749}"/>
              </a:ext>
            </a:extLst>
          </p:cNvPr>
          <p:cNvSpPr/>
          <p:nvPr/>
        </p:nvSpPr>
        <p:spPr>
          <a:xfrm>
            <a:off x="4091233" y="3200400"/>
            <a:ext cx="414779" cy="441191"/>
          </a:xfrm>
          <a:prstGeom prst="downArrow">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a:p>
        </p:txBody>
      </p:sp>
    </p:spTree>
    <p:extLst>
      <p:ext uri="{BB962C8B-B14F-4D97-AF65-F5344CB8AC3E}">
        <p14:creationId xmlns:p14="http://schemas.microsoft.com/office/powerpoint/2010/main" val="178016901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9" name="Rechthoek: afgeronde hoeken 28">
            <a:extLst>
              <a:ext uri="{FF2B5EF4-FFF2-40B4-BE49-F238E27FC236}">
                <a16:creationId xmlns:a16="http://schemas.microsoft.com/office/drawing/2014/main" id="{76FA78FE-0FFC-A7A2-A892-A5E93BFA44E6}"/>
              </a:ext>
            </a:extLst>
          </p:cNvPr>
          <p:cNvSpPr/>
          <p:nvPr/>
        </p:nvSpPr>
        <p:spPr>
          <a:xfrm>
            <a:off x="5716793" y="1756478"/>
            <a:ext cx="3120258" cy="2955326"/>
          </a:xfrm>
          <a:prstGeom prst="roundRect">
            <a:avLst/>
          </a:prstGeom>
          <a:solidFill>
            <a:schemeClr val="accent2">
              <a:lumMod val="20000"/>
              <a:lumOff val="8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sz="1600" dirty="0">
              <a:solidFill>
                <a:schemeClr val="tx1"/>
              </a:solidFill>
            </a:endParaRPr>
          </a:p>
          <a:p>
            <a:pPr algn="ctr"/>
            <a:endParaRPr lang="nl-NL" dirty="0">
              <a:solidFill>
                <a:schemeClr val="tx1"/>
              </a:solidFill>
            </a:endParaRPr>
          </a:p>
          <a:p>
            <a:pPr algn="ctr"/>
            <a:endParaRPr lang="nl-NL" dirty="0">
              <a:solidFill>
                <a:schemeClr val="tx1"/>
              </a:solidFill>
            </a:endParaRPr>
          </a:p>
          <a:p>
            <a:pPr algn="ctr"/>
            <a:endParaRPr lang="nl-NL" dirty="0">
              <a:solidFill>
                <a:schemeClr val="tx1"/>
              </a:solidFill>
            </a:endParaRPr>
          </a:p>
          <a:p>
            <a:pPr algn="ctr"/>
            <a:endParaRPr lang="nl-NL" dirty="0">
              <a:solidFill>
                <a:schemeClr val="tx1"/>
              </a:solidFill>
            </a:endParaRPr>
          </a:p>
          <a:p>
            <a:pPr algn="ctr"/>
            <a:endParaRPr lang="nl-NL" dirty="0">
              <a:solidFill>
                <a:schemeClr val="tx1"/>
              </a:solidFill>
            </a:endParaRPr>
          </a:p>
        </p:txBody>
      </p:sp>
      <p:sp>
        <p:nvSpPr>
          <p:cNvPr id="28" name="Rechthoek: afgeronde hoeken 27">
            <a:extLst>
              <a:ext uri="{FF2B5EF4-FFF2-40B4-BE49-F238E27FC236}">
                <a16:creationId xmlns:a16="http://schemas.microsoft.com/office/drawing/2014/main" id="{414ABB7B-A6A9-E2E2-2160-1F79BD336653}"/>
              </a:ext>
            </a:extLst>
          </p:cNvPr>
          <p:cNvSpPr/>
          <p:nvPr/>
        </p:nvSpPr>
        <p:spPr>
          <a:xfrm>
            <a:off x="1613353" y="1360800"/>
            <a:ext cx="2960370" cy="3696974"/>
          </a:xfrm>
          <a:prstGeom prst="roundRect">
            <a:avLst/>
          </a:prstGeom>
          <a:solidFill>
            <a:schemeClr val="accent1">
              <a:lumMod val="20000"/>
              <a:lumOff val="8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sz="2000" b="1" dirty="0">
              <a:solidFill>
                <a:schemeClr val="tx1"/>
              </a:solidFill>
            </a:endParaRPr>
          </a:p>
          <a:p>
            <a:pPr algn="ctr"/>
            <a:endParaRPr lang="nl-NL" dirty="0"/>
          </a:p>
          <a:p>
            <a:pPr algn="ctr"/>
            <a:endParaRPr lang="nl-NL" dirty="0"/>
          </a:p>
          <a:p>
            <a:pPr algn="ctr"/>
            <a:endParaRPr lang="nl-NL" dirty="0"/>
          </a:p>
          <a:p>
            <a:pPr algn="ctr"/>
            <a:endParaRPr lang="nl-NL" dirty="0"/>
          </a:p>
          <a:p>
            <a:pPr algn="ctr"/>
            <a:endParaRPr lang="nl-NL" dirty="0"/>
          </a:p>
          <a:p>
            <a:pPr algn="ctr"/>
            <a:endParaRPr lang="nl-NL" dirty="0"/>
          </a:p>
          <a:p>
            <a:pPr algn="ctr"/>
            <a:endParaRPr lang="nl-NL" dirty="0"/>
          </a:p>
          <a:p>
            <a:pPr algn="ctr"/>
            <a:endParaRPr lang="nl-NL" dirty="0"/>
          </a:p>
          <a:p>
            <a:pPr algn="ctr"/>
            <a:endParaRPr lang="nl-NL" dirty="0"/>
          </a:p>
          <a:p>
            <a:pPr algn="ctr"/>
            <a:endParaRPr lang="nl-NL" dirty="0"/>
          </a:p>
          <a:p>
            <a:pPr algn="ctr"/>
            <a:endParaRPr lang="nl-NL" dirty="0"/>
          </a:p>
          <a:p>
            <a:pPr algn="ctr"/>
            <a:endParaRPr lang="nl-NL" dirty="0"/>
          </a:p>
          <a:p>
            <a:pPr algn="ctr"/>
            <a:endParaRPr lang="nl-NL" dirty="0"/>
          </a:p>
        </p:txBody>
      </p:sp>
      <p:sp>
        <p:nvSpPr>
          <p:cNvPr id="2" name="Titel 1">
            <a:extLst>
              <a:ext uri="{FF2B5EF4-FFF2-40B4-BE49-F238E27FC236}">
                <a16:creationId xmlns:a16="http://schemas.microsoft.com/office/drawing/2014/main" id="{4FA10CE0-510E-99F2-5428-C7D5AC601030}"/>
              </a:ext>
            </a:extLst>
          </p:cNvPr>
          <p:cNvSpPr>
            <a:spLocks noGrp="1"/>
          </p:cNvSpPr>
          <p:nvPr>
            <p:ph type="title"/>
          </p:nvPr>
        </p:nvSpPr>
        <p:spPr/>
        <p:txBody>
          <a:bodyPr/>
          <a:lstStyle/>
          <a:p>
            <a:r>
              <a:rPr lang="nl-NL" dirty="0"/>
              <a:t>Beoordeling van evenwichtigheid</a:t>
            </a:r>
          </a:p>
        </p:txBody>
      </p:sp>
      <p:sp>
        <p:nvSpPr>
          <p:cNvPr id="3" name="Tijdelijke aanduiding voor dianummer 2">
            <a:extLst>
              <a:ext uri="{FF2B5EF4-FFF2-40B4-BE49-F238E27FC236}">
                <a16:creationId xmlns:a16="http://schemas.microsoft.com/office/drawing/2014/main" id="{744969FA-AAB3-DFFC-DCDD-8B586DFADA66}"/>
              </a:ext>
            </a:extLst>
          </p:cNvPr>
          <p:cNvSpPr>
            <a:spLocks noGrp="1"/>
          </p:cNvSpPr>
          <p:nvPr>
            <p:ph type="sldNum" sz="quarter" idx="10"/>
          </p:nvPr>
        </p:nvSpPr>
        <p:spPr/>
        <p:txBody>
          <a:bodyPr/>
          <a:lstStyle/>
          <a:p>
            <a:fld id="{A57ACD69-77E0-4B27-BE9A-0E1A45A60CED}" type="slidenum">
              <a:rPr lang="en-US" smtClean="0"/>
              <a:pPr/>
              <a:t>3</a:t>
            </a:fld>
            <a:endParaRPr lang="en-GB"/>
          </a:p>
        </p:txBody>
      </p:sp>
      <p:grpSp>
        <p:nvGrpSpPr>
          <p:cNvPr id="5" name="Groep 4">
            <a:extLst>
              <a:ext uri="{FF2B5EF4-FFF2-40B4-BE49-F238E27FC236}">
                <a16:creationId xmlns:a16="http://schemas.microsoft.com/office/drawing/2014/main" id="{88A07A4E-2729-9B85-D06C-8939B311D013}"/>
              </a:ext>
            </a:extLst>
          </p:cNvPr>
          <p:cNvGrpSpPr/>
          <p:nvPr/>
        </p:nvGrpSpPr>
        <p:grpSpPr>
          <a:xfrm>
            <a:off x="2024744" y="1561921"/>
            <a:ext cx="2217881" cy="1053275"/>
            <a:chOff x="23332" y="1595"/>
            <a:chExt cx="2217881" cy="1053275"/>
          </a:xfrm>
        </p:grpSpPr>
        <p:sp>
          <p:nvSpPr>
            <p:cNvPr id="6" name="Rechthoek: afgeronde hoeken 5">
              <a:extLst>
                <a:ext uri="{FF2B5EF4-FFF2-40B4-BE49-F238E27FC236}">
                  <a16:creationId xmlns:a16="http://schemas.microsoft.com/office/drawing/2014/main" id="{D6597522-D709-128F-ACFF-059AE79F295D}"/>
                </a:ext>
              </a:extLst>
            </p:cNvPr>
            <p:cNvSpPr/>
            <p:nvPr/>
          </p:nvSpPr>
          <p:spPr>
            <a:xfrm>
              <a:off x="23332" y="1595"/>
              <a:ext cx="2217881" cy="1053275"/>
            </a:xfrm>
            <a:prstGeom prst="roundRect">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a:lstStyle/>
            <a:p>
              <a:endParaRPr lang="nl-NL"/>
            </a:p>
          </p:txBody>
        </p:sp>
        <p:sp>
          <p:nvSpPr>
            <p:cNvPr id="7" name="Rechthoek: afgeronde hoeken 4">
              <a:extLst>
                <a:ext uri="{FF2B5EF4-FFF2-40B4-BE49-F238E27FC236}">
                  <a16:creationId xmlns:a16="http://schemas.microsoft.com/office/drawing/2014/main" id="{7CD239DD-2145-9257-C63D-1C7BAC826E7A}"/>
                </a:ext>
              </a:extLst>
            </p:cNvPr>
            <p:cNvSpPr txBox="1"/>
            <p:nvPr/>
          </p:nvSpPr>
          <p:spPr>
            <a:xfrm>
              <a:off x="74749" y="53012"/>
              <a:ext cx="2115047" cy="950441"/>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60960" tIns="30480" rIns="60960" bIns="30480" numCol="1" spcCol="1270" anchor="ctr" anchorCtr="0">
              <a:noAutofit/>
            </a:bodyPr>
            <a:lstStyle/>
            <a:p>
              <a:pPr marL="0" lvl="0" indent="0" algn="ctr" defTabSz="711200">
                <a:lnSpc>
                  <a:spcPct val="90000"/>
                </a:lnSpc>
                <a:spcBef>
                  <a:spcPct val="0"/>
                </a:spcBef>
                <a:spcAft>
                  <a:spcPct val="35000"/>
                </a:spcAft>
                <a:buNone/>
              </a:pPr>
              <a:r>
                <a:rPr lang="nl-NL" sz="1600" kern="1200"/>
                <a:t>Beschikbaarheid relevante informatie</a:t>
              </a:r>
            </a:p>
          </p:txBody>
        </p:sp>
      </p:grpSp>
      <p:grpSp>
        <p:nvGrpSpPr>
          <p:cNvPr id="8" name="Groep 7">
            <a:extLst>
              <a:ext uri="{FF2B5EF4-FFF2-40B4-BE49-F238E27FC236}">
                <a16:creationId xmlns:a16="http://schemas.microsoft.com/office/drawing/2014/main" id="{C1D38FD9-121C-70E3-C275-26DC07A2205B}"/>
              </a:ext>
            </a:extLst>
          </p:cNvPr>
          <p:cNvGrpSpPr/>
          <p:nvPr/>
        </p:nvGrpSpPr>
        <p:grpSpPr>
          <a:xfrm>
            <a:off x="2023836" y="2696285"/>
            <a:ext cx="2218789" cy="1123085"/>
            <a:chOff x="23332" y="1107535"/>
            <a:chExt cx="2218789" cy="1053275"/>
          </a:xfrm>
        </p:grpSpPr>
        <p:sp>
          <p:nvSpPr>
            <p:cNvPr id="9" name="Rechthoek: afgeronde hoeken 8">
              <a:extLst>
                <a:ext uri="{FF2B5EF4-FFF2-40B4-BE49-F238E27FC236}">
                  <a16:creationId xmlns:a16="http://schemas.microsoft.com/office/drawing/2014/main" id="{31933E43-3519-46BC-5A69-CAFE1A8E78AC}"/>
                </a:ext>
              </a:extLst>
            </p:cNvPr>
            <p:cNvSpPr/>
            <p:nvPr/>
          </p:nvSpPr>
          <p:spPr>
            <a:xfrm>
              <a:off x="23332" y="1107535"/>
              <a:ext cx="2218789" cy="1053275"/>
            </a:xfrm>
            <a:prstGeom prst="roundRect">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a:lstStyle/>
            <a:p>
              <a:endParaRPr lang="nl-NL"/>
            </a:p>
          </p:txBody>
        </p:sp>
        <p:sp>
          <p:nvSpPr>
            <p:cNvPr id="10" name="Rechthoek: afgeronde hoeken 4">
              <a:extLst>
                <a:ext uri="{FF2B5EF4-FFF2-40B4-BE49-F238E27FC236}">
                  <a16:creationId xmlns:a16="http://schemas.microsoft.com/office/drawing/2014/main" id="{845D611D-CF7E-E30E-00E6-9C11D7708BD9}"/>
                </a:ext>
              </a:extLst>
            </p:cNvPr>
            <p:cNvSpPr txBox="1"/>
            <p:nvPr/>
          </p:nvSpPr>
          <p:spPr>
            <a:xfrm>
              <a:off x="74749" y="1136092"/>
              <a:ext cx="2115955" cy="950441"/>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60960" tIns="30480" rIns="60960" bIns="30480" numCol="1" spcCol="1270" anchor="ctr" anchorCtr="0">
              <a:noAutofit/>
            </a:bodyPr>
            <a:lstStyle/>
            <a:p>
              <a:pPr marL="0" lvl="0" indent="0" algn="ctr" defTabSz="711200">
                <a:lnSpc>
                  <a:spcPct val="90000"/>
                </a:lnSpc>
                <a:spcBef>
                  <a:spcPct val="0"/>
                </a:spcBef>
                <a:spcAft>
                  <a:spcPct val="35000"/>
                </a:spcAft>
                <a:buNone/>
              </a:pPr>
              <a:r>
                <a:rPr lang="nl-NL" sz="1600" kern="1200"/>
                <a:t>Doorlopen van het juiste proces</a:t>
              </a:r>
            </a:p>
          </p:txBody>
        </p:sp>
      </p:grpSp>
      <p:grpSp>
        <p:nvGrpSpPr>
          <p:cNvPr id="11" name="Groep 10">
            <a:extLst>
              <a:ext uri="{FF2B5EF4-FFF2-40B4-BE49-F238E27FC236}">
                <a16:creationId xmlns:a16="http://schemas.microsoft.com/office/drawing/2014/main" id="{A9407596-3693-16C4-6485-5BEF3D59DB26}"/>
              </a:ext>
            </a:extLst>
          </p:cNvPr>
          <p:cNvGrpSpPr/>
          <p:nvPr/>
        </p:nvGrpSpPr>
        <p:grpSpPr>
          <a:xfrm>
            <a:off x="2023836" y="3879024"/>
            <a:ext cx="2217881" cy="1053275"/>
            <a:chOff x="23332" y="2213474"/>
            <a:chExt cx="2217881" cy="1053275"/>
          </a:xfrm>
        </p:grpSpPr>
        <p:sp>
          <p:nvSpPr>
            <p:cNvPr id="12" name="Rechthoek: afgeronde hoeken 11">
              <a:extLst>
                <a:ext uri="{FF2B5EF4-FFF2-40B4-BE49-F238E27FC236}">
                  <a16:creationId xmlns:a16="http://schemas.microsoft.com/office/drawing/2014/main" id="{67A588CD-58D1-4D62-8DE7-A0C2A126530E}"/>
                </a:ext>
              </a:extLst>
            </p:cNvPr>
            <p:cNvSpPr/>
            <p:nvPr/>
          </p:nvSpPr>
          <p:spPr>
            <a:xfrm>
              <a:off x="23332" y="2213474"/>
              <a:ext cx="2217881" cy="1053275"/>
            </a:xfrm>
            <a:prstGeom prst="roundRect">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a:lstStyle/>
            <a:p>
              <a:endParaRPr lang="nl-NL"/>
            </a:p>
          </p:txBody>
        </p:sp>
        <p:sp>
          <p:nvSpPr>
            <p:cNvPr id="13" name="Rechthoek: afgeronde hoeken 4">
              <a:extLst>
                <a:ext uri="{FF2B5EF4-FFF2-40B4-BE49-F238E27FC236}">
                  <a16:creationId xmlns:a16="http://schemas.microsoft.com/office/drawing/2014/main" id="{97C71A0F-8314-39E5-ED85-C8DB36B83103}"/>
                </a:ext>
              </a:extLst>
            </p:cNvPr>
            <p:cNvSpPr txBox="1"/>
            <p:nvPr/>
          </p:nvSpPr>
          <p:spPr>
            <a:xfrm>
              <a:off x="74749" y="2264891"/>
              <a:ext cx="2115047" cy="950441"/>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60960" tIns="30480" rIns="60960" bIns="30480" numCol="1" spcCol="1270" anchor="ctr" anchorCtr="0">
              <a:noAutofit/>
            </a:bodyPr>
            <a:lstStyle/>
            <a:p>
              <a:pPr marL="0" lvl="0" indent="0" algn="ctr" defTabSz="711200">
                <a:lnSpc>
                  <a:spcPct val="90000"/>
                </a:lnSpc>
                <a:spcBef>
                  <a:spcPct val="0"/>
                </a:spcBef>
                <a:spcAft>
                  <a:spcPct val="35000"/>
                </a:spcAft>
                <a:buNone/>
              </a:pPr>
              <a:r>
                <a:rPr lang="nl-NL" sz="1600" kern="1200"/>
                <a:t>Besluit op basis van de motivering van het fonds</a:t>
              </a:r>
            </a:p>
          </p:txBody>
        </p:sp>
      </p:grpSp>
      <p:grpSp>
        <p:nvGrpSpPr>
          <p:cNvPr id="14" name="Groep 13">
            <a:extLst>
              <a:ext uri="{FF2B5EF4-FFF2-40B4-BE49-F238E27FC236}">
                <a16:creationId xmlns:a16="http://schemas.microsoft.com/office/drawing/2014/main" id="{A9987F0E-578C-384C-4FA1-03A5216AFEF4}"/>
              </a:ext>
            </a:extLst>
          </p:cNvPr>
          <p:cNvGrpSpPr/>
          <p:nvPr/>
        </p:nvGrpSpPr>
        <p:grpSpPr>
          <a:xfrm>
            <a:off x="6208687" y="2731189"/>
            <a:ext cx="2218789" cy="1053275"/>
            <a:chOff x="23332" y="1107535"/>
            <a:chExt cx="2218789" cy="1053275"/>
          </a:xfrm>
        </p:grpSpPr>
        <p:sp>
          <p:nvSpPr>
            <p:cNvPr id="15" name="Rechthoek: afgeronde hoeken 14">
              <a:extLst>
                <a:ext uri="{FF2B5EF4-FFF2-40B4-BE49-F238E27FC236}">
                  <a16:creationId xmlns:a16="http://schemas.microsoft.com/office/drawing/2014/main" id="{9AA802E7-5DB2-D20D-AA2B-FB2CEDF79D53}"/>
                </a:ext>
              </a:extLst>
            </p:cNvPr>
            <p:cNvSpPr/>
            <p:nvPr/>
          </p:nvSpPr>
          <p:spPr>
            <a:xfrm>
              <a:off x="23332" y="1107535"/>
              <a:ext cx="2218789" cy="1053275"/>
            </a:xfrm>
            <a:prstGeom prst="roundRect">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a:lstStyle/>
            <a:p>
              <a:endParaRPr lang="nl-NL"/>
            </a:p>
          </p:txBody>
        </p:sp>
        <p:sp>
          <p:nvSpPr>
            <p:cNvPr id="16" name="Rechthoek: afgeronde hoeken 4">
              <a:extLst>
                <a:ext uri="{FF2B5EF4-FFF2-40B4-BE49-F238E27FC236}">
                  <a16:creationId xmlns:a16="http://schemas.microsoft.com/office/drawing/2014/main" id="{5B9A38E5-00B5-EE8E-2208-23A3CEC7CD49}"/>
                </a:ext>
              </a:extLst>
            </p:cNvPr>
            <p:cNvSpPr txBox="1"/>
            <p:nvPr/>
          </p:nvSpPr>
          <p:spPr>
            <a:xfrm>
              <a:off x="74749" y="1136092"/>
              <a:ext cx="2115955" cy="950441"/>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60960" tIns="30480" rIns="60960" bIns="30480" numCol="1" spcCol="1270" anchor="ctr" anchorCtr="0">
              <a:noAutofit/>
            </a:bodyPr>
            <a:lstStyle/>
            <a:p>
              <a:pPr marL="0" lvl="0" indent="0" algn="ctr" defTabSz="711200">
                <a:lnSpc>
                  <a:spcPct val="90000"/>
                </a:lnSpc>
                <a:spcBef>
                  <a:spcPct val="0"/>
                </a:spcBef>
                <a:spcAft>
                  <a:spcPct val="35000"/>
                </a:spcAft>
                <a:buNone/>
              </a:pPr>
              <a:r>
                <a:rPr lang="nl-NL" sz="1600" kern="1200"/>
                <a:t>Uitkomsten van de gemaakte keuzes</a:t>
              </a:r>
            </a:p>
          </p:txBody>
        </p:sp>
      </p:grpSp>
      <p:cxnSp>
        <p:nvCxnSpPr>
          <p:cNvPr id="18" name="Verbindingslijn: gebogen 17">
            <a:extLst>
              <a:ext uri="{FF2B5EF4-FFF2-40B4-BE49-F238E27FC236}">
                <a16:creationId xmlns:a16="http://schemas.microsoft.com/office/drawing/2014/main" id="{B87A0343-88F4-A57F-7AED-8446EAB2E4B7}"/>
              </a:ext>
            </a:extLst>
          </p:cNvPr>
          <p:cNvCxnSpPr>
            <a:cxnSpLocks/>
            <a:stCxn id="6" idx="3"/>
            <a:endCxn id="15" idx="1"/>
          </p:cNvCxnSpPr>
          <p:nvPr/>
        </p:nvCxnSpPr>
        <p:spPr>
          <a:xfrm>
            <a:off x="4242625" y="2088559"/>
            <a:ext cx="1966062" cy="1169268"/>
          </a:xfrm>
          <a:prstGeom prst="bentConnector3">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0" name="Verbindingslijn: gebogen 19">
            <a:extLst>
              <a:ext uri="{FF2B5EF4-FFF2-40B4-BE49-F238E27FC236}">
                <a16:creationId xmlns:a16="http://schemas.microsoft.com/office/drawing/2014/main" id="{266E7830-5633-C3AB-8303-3DDBD00F662B}"/>
              </a:ext>
            </a:extLst>
          </p:cNvPr>
          <p:cNvCxnSpPr>
            <a:cxnSpLocks/>
            <a:stCxn id="9" idx="3"/>
            <a:endCxn id="15" idx="1"/>
          </p:cNvCxnSpPr>
          <p:nvPr/>
        </p:nvCxnSpPr>
        <p:spPr>
          <a:xfrm flipV="1">
            <a:off x="4242625" y="3257827"/>
            <a:ext cx="1966062" cy="1"/>
          </a:xfrm>
          <a:prstGeom prst="bentConnector3">
            <a:avLst/>
          </a:prstGeom>
          <a:ln>
            <a:tailEnd type="triangle"/>
          </a:ln>
        </p:spPr>
        <p:style>
          <a:lnRef idx="3">
            <a:schemeClr val="accent1"/>
          </a:lnRef>
          <a:fillRef idx="0">
            <a:schemeClr val="accent1"/>
          </a:fillRef>
          <a:effectRef idx="2">
            <a:schemeClr val="accent1"/>
          </a:effectRef>
          <a:fontRef idx="minor">
            <a:schemeClr val="tx1"/>
          </a:fontRef>
        </p:style>
      </p:cxnSp>
      <p:cxnSp>
        <p:nvCxnSpPr>
          <p:cNvPr id="23" name="Verbindingslijn: gebogen 22">
            <a:extLst>
              <a:ext uri="{FF2B5EF4-FFF2-40B4-BE49-F238E27FC236}">
                <a16:creationId xmlns:a16="http://schemas.microsoft.com/office/drawing/2014/main" id="{8E0FC20F-9FFE-A7A7-7F4F-2D76CBF10A07}"/>
              </a:ext>
            </a:extLst>
          </p:cNvPr>
          <p:cNvCxnSpPr>
            <a:cxnSpLocks/>
            <a:stCxn id="12" idx="3"/>
            <a:endCxn id="15" idx="1"/>
          </p:cNvCxnSpPr>
          <p:nvPr/>
        </p:nvCxnSpPr>
        <p:spPr>
          <a:xfrm flipV="1">
            <a:off x="4241717" y="3257827"/>
            <a:ext cx="1966970" cy="1147835"/>
          </a:xfrm>
          <a:prstGeom prst="bentConnector3">
            <a:avLst/>
          </a:prstGeom>
          <a:ln w="19050" cap="flat" cmpd="sng" algn="ctr">
            <a:solidFill>
              <a:schemeClr val="accent1"/>
            </a:solidFill>
            <a:prstDash val="solid"/>
            <a:round/>
            <a:headEnd type="none" w="med" len="med"/>
            <a:tailEnd type="arrow" w="lg" len="med"/>
          </a:ln>
        </p:spPr>
        <p:style>
          <a:lnRef idx="0">
            <a:scrgbClr r="0" g="0" b="0"/>
          </a:lnRef>
          <a:fillRef idx="0">
            <a:scrgbClr r="0" g="0" b="0"/>
          </a:fillRef>
          <a:effectRef idx="0">
            <a:scrgbClr r="0" g="0" b="0"/>
          </a:effectRef>
          <a:fontRef idx="minor">
            <a:schemeClr val="tx1"/>
          </a:fontRef>
        </p:style>
      </p:cxnSp>
    </p:spTree>
    <p:extLst>
      <p:ext uri="{BB962C8B-B14F-4D97-AF65-F5344CB8AC3E}">
        <p14:creationId xmlns:p14="http://schemas.microsoft.com/office/powerpoint/2010/main" val="15182573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20EE43-AA27-3C07-FCC1-87BB9813B485}"/>
              </a:ext>
            </a:extLst>
          </p:cNvPr>
          <p:cNvSpPr>
            <a:spLocks noGrp="1"/>
          </p:cNvSpPr>
          <p:nvPr>
            <p:ph type="title"/>
          </p:nvPr>
        </p:nvSpPr>
        <p:spPr>
          <a:xfrm>
            <a:off x="322515" y="435549"/>
            <a:ext cx="8497485" cy="364326"/>
          </a:xfrm>
        </p:spPr>
        <p:txBody>
          <a:bodyPr>
            <a:normAutofit fontScale="90000"/>
          </a:bodyPr>
          <a:lstStyle/>
          <a:p>
            <a:r>
              <a:rPr lang="nl-NL" sz="2200"/>
              <a:t>E</a:t>
            </a:r>
            <a:r>
              <a:rPr lang="nl-NL" sz="2200" b="0" i="0">
                <a:effectLst/>
              </a:rPr>
              <a:t>venwichtige </a:t>
            </a:r>
            <a:r>
              <a:rPr lang="nl-NL" sz="2200" b="0" i="0" dirty="0">
                <a:effectLst/>
              </a:rPr>
              <a:t>belangenafweging door het fonds</a:t>
            </a:r>
            <a:r>
              <a:rPr lang="nl-NL" sz="2200" dirty="0"/>
              <a:t> (46b lid 1e BUPW)</a:t>
            </a:r>
          </a:p>
        </p:txBody>
      </p:sp>
      <p:sp>
        <p:nvSpPr>
          <p:cNvPr id="3" name="Slide Number Placeholder 2">
            <a:extLst>
              <a:ext uri="{FF2B5EF4-FFF2-40B4-BE49-F238E27FC236}">
                <a16:creationId xmlns:a16="http://schemas.microsoft.com/office/drawing/2014/main" id="{6F3CFCBD-1F99-02CB-79B8-4A7ABDCE8623}"/>
              </a:ext>
            </a:extLst>
          </p:cNvPr>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57ACD69-77E0-4B27-BE9A-0E1A45A60CED}" type="slidenum">
              <a:rPr kumimoji="0" lang="en-US" sz="900" b="0" i="0" u="none" strike="noStrike" kern="1200" cap="none" spc="0" normalizeH="0" baseline="0" noProof="0" smtClean="0">
                <a:ln>
                  <a:noFill/>
                </a:ln>
                <a:solidFill>
                  <a:prstClr val="black"/>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900" b="0" i="0" u="none" strike="noStrike" kern="1200" cap="none" spc="0" normalizeH="0" baseline="0" noProof="0">
              <a:ln>
                <a:noFill/>
              </a:ln>
              <a:solidFill>
                <a:prstClr val="black"/>
              </a:solidFill>
              <a:effectLst/>
              <a:uLnTx/>
              <a:uFillTx/>
              <a:latin typeface="Verdana"/>
              <a:ea typeface="+mn-ea"/>
              <a:cs typeface="+mn-cs"/>
            </a:endParaRPr>
          </a:p>
        </p:txBody>
      </p:sp>
      <p:sp>
        <p:nvSpPr>
          <p:cNvPr id="4" name="Content Placeholder 3">
            <a:extLst>
              <a:ext uri="{FF2B5EF4-FFF2-40B4-BE49-F238E27FC236}">
                <a16:creationId xmlns:a16="http://schemas.microsoft.com/office/drawing/2014/main" id="{FB9F2164-9F7B-842A-CB56-2AB905524C04}"/>
              </a:ext>
            </a:extLst>
          </p:cNvPr>
          <p:cNvSpPr>
            <a:spLocks noGrp="1"/>
          </p:cNvSpPr>
          <p:nvPr>
            <p:ph sz="quarter" idx="15"/>
          </p:nvPr>
        </p:nvSpPr>
        <p:spPr>
          <a:xfrm>
            <a:off x="505775" y="899443"/>
            <a:ext cx="8376647" cy="4125528"/>
          </a:xfrm>
        </p:spPr>
        <p:txBody>
          <a:bodyPr>
            <a:normAutofit/>
          </a:bodyPr>
          <a:lstStyle/>
          <a:p>
            <a:pPr marL="171450" indent="-171450">
              <a:lnSpc>
                <a:spcPct val="150000"/>
              </a:lnSpc>
              <a:buFontTx/>
              <a:buChar char="-"/>
            </a:pPr>
            <a:endParaRPr lang="nl-NL"/>
          </a:p>
          <a:p>
            <a:pPr marL="171450" indent="-171450">
              <a:lnSpc>
                <a:spcPct val="150000"/>
              </a:lnSpc>
              <a:buFontTx/>
              <a:buChar char="-"/>
            </a:pPr>
            <a:endParaRPr lang="nl-NL"/>
          </a:p>
          <a:p>
            <a:pPr>
              <a:lnSpc>
                <a:spcPct val="150000"/>
              </a:lnSpc>
            </a:pPr>
            <a:br>
              <a:rPr lang="nl-NL"/>
            </a:br>
            <a:endParaRPr lang="en-GB"/>
          </a:p>
        </p:txBody>
      </p:sp>
      <p:sp>
        <p:nvSpPr>
          <p:cNvPr id="6" name="TextBox 5">
            <a:extLst>
              <a:ext uri="{FF2B5EF4-FFF2-40B4-BE49-F238E27FC236}">
                <a16:creationId xmlns:a16="http://schemas.microsoft.com/office/drawing/2014/main" id="{F48088B5-63A4-55D1-A520-114EBAD546B1}"/>
              </a:ext>
            </a:extLst>
          </p:cNvPr>
          <p:cNvSpPr txBox="1"/>
          <p:nvPr/>
        </p:nvSpPr>
        <p:spPr>
          <a:xfrm>
            <a:off x="261578" y="1094784"/>
            <a:ext cx="8804104" cy="738664"/>
          </a:xfrm>
          <a:prstGeom prst="rect">
            <a:avLst/>
          </a:prstGeom>
          <a:noFill/>
        </p:spPr>
        <p:txBody>
          <a:bodyPr wrap="square">
            <a:spAutoFit/>
          </a:bodyPr>
          <a:lstStyle/>
          <a:p>
            <a:pPr fontAlgn="base">
              <a:spcBef>
                <a:spcPts val="300"/>
              </a:spcBef>
              <a:spcAft>
                <a:spcPts val="600"/>
              </a:spcAft>
              <a:buSzPts val="850"/>
            </a:pPr>
            <a:r>
              <a:rPr lang="nl-NL" sz="1400" b="0" i="0">
                <a:effectLst/>
              </a:rPr>
              <a:t>Pensioenfondsen zullen aan DNB moeten kunnen onderbouwen op welke wijze is voldaan aan de verplichting tot evenwichtige belangenafweging en hoe het pensioenfonds zo goed mogelijk voorkomt dat het invaren voor (een deel van) de deelnemers tot onevenredig nadeel leidt.</a:t>
            </a:r>
            <a:endParaRPr lang="nl-NL" sz="1400">
              <a:ea typeface="Calibri" panose="020F0502020204030204" pitchFamily="34" charset="0"/>
              <a:cs typeface="Arial" panose="020B0604020202020204" pitchFamily="34" charset="0"/>
            </a:endParaRPr>
          </a:p>
        </p:txBody>
      </p:sp>
      <p:graphicFrame>
        <p:nvGraphicFramePr>
          <p:cNvPr id="7" name="Table 6">
            <a:extLst>
              <a:ext uri="{FF2B5EF4-FFF2-40B4-BE49-F238E27FC236}">
                <a16:creationId xmlns:a16="http://schemas.microsoft.com/office/drawing/2014/main" id="{FC600BCD-3A46-FA90-0B5D-DCDD67F43341}"/>
              </a:ext>
            </a:extLst>
          </p:cNvPr>
          <p:cNvGraphicFramePr>
            <a:graphicFrameLocks noGrp="1"/>
          </p:cNvGraphicFramePr>
          <p:nvPr>
            <p:extLst>
              <p:ext uri="{D42A27DB-BD31-4B8C-83A1-F6EECF244321}">
                <p14:modId xmlns:p14="http://schemas.microsoft.com/office/powerpoint/2010/main" val="381673096"/>
              </p:ext>
            </p:extLst>
          </p:nvPr>
        </p:nvGraphicFramePr>
        <p:xfrm>
          <a:off x="322515" y="2128357"/>
          <a:ext cx="8173486" cy="2185038"/>
        </p:xfrm>
        <a:graphic>
          <a:graphicData uri="http://schemas.openxmlformats.org/drawingml/2006/table">
            <a:tbl>
              <a:tblPr firstRow="1" bandRow="1">
                <a:tableStyleId>{5C22544A-7EE6-4342-B048-85BDC9FD1C3A}</a:tableStyleId>
              </a:tblPr>
              <a:tblGrid>
                <a:gridCol w="8173486">
                  <a:extLst>
                    <a:ext uri="{9D8B030D-6E8A-4147-A177-3AD203B41FA5}">
                      <a16:colId xmlns:a16="http://schemas.microsoft.com/office/drawing/2014/main" val="438944752"/>
                    </a:ext>
                  </a:extLst>
                </a:gridCol>
              </a:tblGrid>
              <a:tr h="0">
                <a:tc>
                  <a:txBody>
                    <a:bodyPr/>
                    <a:lstStyle/>
                    <a:p>
                      <a:r>
                        <a:rPr lang="en-US" sz="1400" dirty="0" err="1"/>
                        <a:t>Aspecten</a:t>
                      </a:r>
                      <a:endParaRPr lang="en-NL" sz="1400"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781927193"/>
                  </a:ext>
                </a:extLst>
              </a:tr>
              <a:tr h="335916">
                <a:tc>
                  <a:txBody>
                    <a:bodyPr/>
                    <a:lstStyle/>
                    <a:p>
                      <a:pPr algn="l" fontAlgn="ctr"/>
                      <a:r>
                        <a:rPr lang="nl-NL" sz="1400" b="0" i="0" u="none" strike="noStrike" kern="1200">
                          <a:solidFill>
                            <a:srgbClr val="000000"/>
                          </a:solidFill>
                          <a:effectLst/>
                          <a:latin typeface="+mn-lt"/>
                          <a:ea typeface="+mn-ea"/>
                          <a:cs typeface="+mn-cs"/>
                        </a:rPr>
                        <a:t>“Geen sprake van onevenwichtig nadeel” en “t</a:t>
                      </a:r>
                      <a:r>
                        <a:rPr lang="nl-NL" sz="1400" b="0" i="0" u="none" strike="noStrike">
                          <a:solidFill>
                            <a:srgbClr val="000000"/>
                          </a:solidFill>
                          <a:effectLst/>
                          <a:latin typeface="+mj-lt"/>
                        </a:rPr>
                        <a:t>ransitie als geheel evenwichtig” is onderbouwd</a:t>
                      </a:r>
                      <a:endParaRPr lang="nl-NL" sz="1400" b="0" i="0" u="none" strike="noStrike">
                        <a:solidFill>
                          <a:srgbClr val="000000"/>
                        </a:solidFill>
                        <a:effectLst/>
                        <a:highlight>
                          <a:srgbClr val="FFFF00"/>
                        </a:highlight>
                        <a:latin typeface="+mj-lt"/>
                      </a:endParaRPr>
                    </a:p>
                  </a:txBody>
                  <a:tcPr marL="9525" marR="9525" marT="9525" marB="0"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040245380"/>
                  </a:ext>
                </a:extLst>
              </a:tr>
              <a:tr h="335916">
                <a:tc>
                  <a:txBody>
                    <a:bodyPr/>
                    <a:lstStyle/>
                    <a:p>
                      <a:pPr algn="l" fontAlgn="ctr"/>
                      <a:r>
                        <a:rPr lang="nl-NL" sz="1400" b="0" u="none" strike="noStrike" dirty="0">
                          <a:effectLst/>
                        </a:rPr>
                        <a:t>Doelstellingen, maatstaven, bandbreedtes borgen een zo robuust mogelijk besluit over een evenwichtige transitie</a:t>
                      </a:r>
                      <a:endParaRPr lang="nl-NL" sz="1400" b="0" i="0" u="none" strike="noStrike" dirty="0">
                        <a:solidFill>
                          <a:srgbClr val="000000"/>
                        </a:solidFill>
                        <a:effectLst/>
                        <a:latin typeface="+mj-lt"/>
                      </a:endParaRPr>
                    </a:p>
                  </a:txBody>
                  <a:tcPr marL="9525" marR="9525" marT="9525" marB="0" anchor="ctr"/>
                </a:tc>
                <a:extLst>
                  <a:ext uri="{0D108BD9-81ED-4DB2-BD59-A6C34878D82A}">
                    <a16:rowId xmlns:a16="http://schemas.microsoft.com/office/drawing/2014/main" val="1228335075"/>
                  </a:ext>
                </a:extLst>
              </a:tr>
              <a:tr h="335916">
                <a:tc>
                  <a:txBody>
                    <a:bodyPr/>
                    <a:lstStyle/>
                    <a:p>
                      <a:pPr algn="l" fontAlgn="ctr"/>
                      <a:r>
                        <a:rPr lang="nl-NL" sz="1400" b="0" u="none" strike="noStrike">
                          <a:effectLst/>
                        </a:rPr>
                        <a:t>Vertaling van doelstellingen naar concrete vormgeving van de transitie</a:t>
                      </a:r>
                      <a:endParaRPr lang="nl-NL" sz="1400" b="0" i="0" u="none" strike="noStrike">
                        <a:solidFill>
                          <a:srgbClr val="000000"/>
                        </a:solidFill>
                        <a:effectLst/>
                        <a:highlight>
                          <a:srgbClr val="FFFF00"/>
                        </a:highlight>
                        <a:latin typeface="+mj-lt"/>
                      </a:endParaRPr>
                    </a:p>
                  </a:txBody>
                  <a:tcPr marL="9525" marR="9525" marT="9525" marB="0" anchor="ctr"/>
                </a:tc>
                <a:extLst>
                  <a:ext uri="{0D108BD9-81ED-4DB2-BD59-A6C34878D82A}">
                    <a16:rowId xmlns:a16="http://schemas.microsoft.com/office/drawing/2014/main" val="2153632715"/>
                  </a:ext>
                </a:extLst>
              </a:tr>
              <a:tr h="335916">
                <a:tc>
                  <a:txBody>
                    <a:bodyPr/>
                    <a:lstStyle/>
                    <a:p>
                      <a:pPr algn="l" fontAlgn="ctr"/>
                      <a:r>
                        <a:rPr lang="nl-NL" sz="1400" b="0" u="none" strike="noStrike">
                          <a:effectLst/>
                        </a:rPr>
                        <a:t>Een zo robuust mogelijk besluit voor redelijkerwijs voorzienbare omstandigheden</a:t>
                      </a:r>
                      <a:endParaRPr lang="nl-NL" sz="1400" b="0" i="0" u="none" strike="noStrike">
                        <a:solidFill>
                          <a:srgbClr val="000000"/>
                        </a:solidFill>
                        <a:effectLst/>
                        <a:latin typeface="+mj-lt"/>
                      </a:endParaRPr>
                    </a:p>
                  </a:txBody>
                  <a:tcPr marL="9525" marR="9525" marT="9525" marB="0" anchor="ctr"/>
                </a:tc>
                <a:extLst>
                  <a:ext uri="{0D108BD9-81ED-4DB2-BD59-A6C34878D82A}">
                    <a16:rowId xmlns:a16="http://schemas.microsoft.com/office/drawing/2014/main" val="4042713603"/>
                  </a:ext>
                </a:extLst>
              </a:tr>
              <a:tr h="335916">
                <a:tc>
                  <a:txBody>
                    <a:bodyPr/>
                    <a:lstStyle/>
                    <a:p>
                      <a:pPr algn="l" fontAlgn="ctr"/>
                      <a:r>
                        <a:rPr lang="nl-NL" sz="1400" b="0" i="0" u="none" strike="noStrike" dirty="0">
                          <a:solidFill>
                            <a:srgbClr val="000000"/>
                          </a:solidFill>
                          <a:effectLst/>
                          <a:latin typeface="+mj-lt"/>
                        </a:rPr>
                        <a:t>Financiële effecten</a:t>
                      </a:r>
                    </a:p>
                  </a:txBody>
                  <a:tcPr marL="9525" marR="9525" marT="9525" marB="0" anchor="ctr"/>
                </a:tc>
                <a:extLst>
                  <a:ext uri="{0D108BD9-81ED-4DB2-BD59-A6C34878D82A}">
                    <a16:rowId xmlns:a16="http://schemas.microsoft.com/office/drawing/2014/main" val="557480412"/>
                  </a:ext>
                </a:extLst>
              </a:tr>
            </a:tbl>
          </a:graphicData>
        </a:graphic>
      </p:graphicFrame>
    </p:spTree>
    <p:custDataLst>
      <p:custData r:id="rId1"/>
      <p:custData r:id="rId2"/>
    </p:custDataLst>
    <p:extLst>
      <p:ext uri="{BB962C8B-B14F-4D97-AF65-F5344CB8AC3E}">
        <p14:creationId xmlns:p14="http://schemas.microsoft.com/office/powerpoint/2010/main" val="359202461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3CC0BBD-9D8E-247C-42AB-1215BE7BC2BE}"/>
              </a:ext>
            </a:extLst>
          </p:cNvPr>
          <p:cNvSpPr>
            <a:spLocks noGrp="1"/>
          </p:cNvSpPr>
          <p:nvPr>
            <p:ph type="title"/>
          </p:nvPr>
        </p:nvSpPr>
        <p:spPr/>
        <p:txBody>
          <a:bodyPr anchor="t">
            <a:normAutofit/>
          </a:bodyPr>
          <a:lstStyle/>
          <a:p>
            <a:r>
              <a:rPr lang="nl-NL" dirty="0"/>
              <a:t>Informatie, vragen en feedback</a:t>
            </a:r>
          </a:p>
        </p:txBody>
      </p:sp>
      <p:sp>
        <p:nvSpPr>
          <p:cNvPr id="3" name="Tijdelijke aanduiding voor inhoud 2">
            <a:extLst>
              <a:ext uri="{FF2B5EF4-FFF2-40B4-BE49-F238E27FC236}">
                <a16:creationId xmlns:a16="http://schemas.microsoft.com/office/drawing/2014/main" id="{9BE7C645-E1B8-A200-1F9E-FBF0D301A13D}"/>
              </a:ext>
            </a:extLst>
          </p:cNvPr>
          <p:cNvSpPr>
            <a:spLocks noGrp="1"/>
          </p:cNvSpPr>
          <p:nvPr>
            <p:ph type="body" sz="quarter" idx="14"/>
          </p:nvPr>
        </p:nvSpPr>
        <p:spPr>
          <a:xfrm>
            <a:off x="511346" y="1224000"/>
            <a:ext cx="7914681" cy="3311714"/>
          </a:xfrm>
        </p:spPr>
        <p:txBody>
          <a:bodyPr anchor="t">
            <a:normAutofit fontScale="85000" lnSpcReduction="20000"/>
          </a:bodyPr>
          <a:lstStyle/>
          <a:p>
            <a:pPr marL="285750" indent="-285750">
              <a:spcAft>
                <a:spcPts val="600"/>
              </a:spcAft>
              <a:buFont typeface="Arial" panose="020B0604020202020204" pitchFamily="34" charset="0"/>
              <a:buChar char="•"/>
            </a:pPr>
            <a:r>
              <a:rPr lang="nl-NL" sz="1600" dirty="0"/>
              <a:t>Deze slides zijn geen beleidsuiting van DNB </a:t>
            </a:r>
          </a:p>
          <a:p>
            <a:pPr marL="285750" indent="-285750">
              <a:spcAft>
                <a:spcPts val="600"/>
              </a:spcAft>
              <a:buFont typeface="Arial" panose="020B0604020202020204" pitchFamily="34" charset="0"/>
              <a:buChar char="•"/>
            </a:pPr>
            <a:endParaRPr lang="nl-NL" sz="800" dirty="0"/>
          </a:p>
          <a:p>
            <a:pPr marL="285750" indent="-285750">
              <a:spcAft>
                <a:spcPts val="600"/>
              </a:spcAft>
              <a:buFont typeface="Arial" panose="020B0604020202020204" pitchFamily="34" charset="0"/>
              <a:buChar char="•"/>
            </a:pPr>
            <a:r>
              <a:rPr lang="nl-NL" sz="1600" dirty="0"/>
              <a:t>Voor alle beleidsuitingen, </a:t>
            </a:r>
            <a:br>
              <a:rPr lang="nl-NL" sz="1600" dirty="0"/>
            </a:br>
            <a:r>
              <a:rPr lang="nl-NL" sz="1600" dirty="0"/>
              <a:t>zie </a:t>
            </a:r>
            <a:r>
              <a:rPr lang="nl-NL" sz="1600" dirty="0">
                <a:hlinkClick r:id="rId3"/>
              </a:rPr>
              <a:t>https://www.dnb.nl/voor-de-sector/open-boek-toezicht/</a:t>
            </a:r>
            <a:endParaRPr lang="nl-NL" sz="1600" dirty="0"/>
          </a:p>
          <a:p>
            <a:pPr marL="285750" indent="-285750">
              <a:spcAft>
                <a:spcPts val="600"/>
              </a:spcAft>
              <a:buFont typeface="Arial" panose="020B0604020202020204" pitchFamily="34" charset="0"/>
              <a:buChar char="•"/>
            </a:pPr>
            <a:endParaRPr lang="nl-NL" sz="800" dirty="0"/>
          </a:p>
          <a:p>
            <a:pPr marL="285750" indent="-285750">
              <a:spcAft>
                <a:spcPts val="600"/>
              </a:spcAft>
              <a:buFont typeface="Arial" panose="020B0604020202020204" pitchFamily="34" charset="0"/>
              <a:buChar char="•"/>
            </a:pPr>
            <a:r>
              <a:rPr lang="nl-NL" sz="1600" dirty="0"/>
              <a:t>Voor alle beleidsuitingen over de Wtp, </a:t>
            </a:r>
            <a:br>
              <a:rPr lang="nl-NL" sz="1600" dirty="0"/>
            </a:br>
            <a:r>
              <a:rPr lang="nl-NL" sz="1600" dirty="0"/>
              <a:t>zie </a:t>
            </a:r>
            <a:r>
              <a:rPr lang="nl-NL" sz="1600" dirty="0">
                <a:hlinkClick r:id="rId4"/>
              </a:rPr>
              <a:t>https://www.dnb.nl/voor-de-sector/open-boek-toezicht/sectoren/pensioenfondsen/verzamelpagina-transitie-wet-toekomst-pensioenen/</a:t>
            </a:r>
            <a:endParaRPr lang="nl-NL" sz="1600" dirty="0"/>
          </a:p>
          <a:p>
            <a:pPr marL="285750" indent="-285750">
              <a:spcAft>
                <a:spcPts val="600"/>
              </a:spcAft>
              <a:buFont typeface="Arial" panose="020B0604020202020204" pitchFamily="34" charset="0"/>
              <a:buChar char="•"/>
            </a:pPr>
            <a:endParaRPr lang="nl-NL" sz="800" dirty="0"/>
          </a:p>
          <a:p>
            <a:pPr marL="285750" indent="-285750">
              <a:spcAft>
                <a:spcPts val="600"/>
              </a:spcAft>
              <a:buFont typeface="Arial" panose="020B0604020202020204" pitchFamily="34" charset="0"/>
              <a:buChar char="•"/>
            </a:pPr>
            <a:r>
              <a:rPr lang="nl-NL" sz="1600" dirty="0"/>
              <a:t>Voor alle nieuwsberichten over de Wtp, </a:t>
            </a:r>
            <a:br>
              <a:rPr lang="nl-NL" sz="1600" dirty="0"/>
            </a:br>
            <a:r>
              <a:rPr lang="nl-NL" sz="1600" dirty="0"/>
              <a:t>zie </a:t>
            </a:r>
            <a:r>
              <a:rPr lang="nl-NL" sz="1600" u="sng" dirty="0">
                <a:solidFill>
                  <a:srgbClr val="0000FF"/>
                </a:solidFill>
                <a:effectLst/>
                <a:ea typeface="Times New Roman" panose="02020603050405020304" pitchFamily="18" charset="0"/>
                <a:hlinkClick r:id="rId5"/>
              </a:rPr>
              <a:t>https://www.dnb.nl/voor-de-sector/wet-toekomst-pensioenen/</a:t>
            </a:r>
            <a:endParaRPr lang="nl-NL" sz="1600" u="sng" dirty="0">
              <a:solidFill>
                <a:srgbClr val="0000FF"/>
              </a:solidFill>
              <a:effectLst/>
              <a:ea typeface="Times New Roman" panose="02020603050405020304" pitchFamily="18" charset="0"/>
            </a:endParaRPr>
          </a:p>
          <a:p>
            <a:pPr marL="285750" indent="-285750">
              <a:spcAft>
                <a:spcPts val="600"/>
              </a:spcAft>
              <a:buFont typeface="Arial" panose="020B0604020202020204" pitchFamily="34" charset="0"/>
              <a:buChar char="•"/>
            </a:pPr>
            <a:endParaRPr lang="nl-NL" sz="800" dirty="0"/>
          </a:p>
          <a:p>
            <a:pPr marL="285750" indent="-285750">
              <a:spcAft>
                <a:spcPts val="600"/>
              </a:spcAft>
              <a:buFont typeface="Arial" panose="020B0604020202020204" pitchFamily="34" charset="0"/>
              <a:buChar char="•"/>
            </a:pPr>
            <a:r>
              <a:rPr lang="nl-NL" sz="1600" dirty="0"/>
              <a:t>Mail voor vragen en constructieve feedback naar: </a:t>
            </a:r>
            <a:r>
              <a:rPr lang="nl-NL" sz="1800" u="sng" dirty="0">
                <a:solidFill>
                  <a:srgbClr val="0000FF"/>
                </a:solidFill>
                <a:effectLst/>
                <a:latin typeface="Calibri" panose="020F0502020204030204" pitchFamily="34" charset="0"/>
                <a:ea typeface="Calibri" panose="020F0502020204030204" pitchFamily="34" charset="0"/>
                <a:cs typeface="Arial" panose="020B0604020202020204" pitchFamily="34" charset="0"/>
                <a:hlinkClick r:id="rId6"/>
              </a:rPr>
              <a:t>WTPcommunicatie@dnb.nl</a:t>
            </a:r>
            <a:endParaRPr lang="nl-NL" sz="1600" dirty="0"/>
          </a:p>
        </p:txBody>
      </p:sp>
    </p:spTree>
    <p:extLst>
      <p:ext uri="{BB962C8B-B14F-4D97-AF65-F5344CB8AC3E}">
        <p14:creationId xmlns:p14="http://schemas.microsoft.com/office/powerpoint/2010/main" val="809351004"/>
      </p:ext>
    </p:extLst>
  </p:cSld>
  <p:clrMapOvr>
    <a:masterClrMapping/>
  </p:clrMapOvr>
</p:sld>
</file>

<file path=ppt/theme/theme1.xml><?xml version="1.0" encoding="utf-8"?>
<a:theme xmlns:a="http://schemas.openxmlformats.org/drawingml/2006/main" name="De Nederlandsche Bank (2023)">
  <a:themeElements>
    <a:clrScheme name="De Nederlandsche Bank (2023)">
      <a:dk1>
        <a:sysClr val="windowText" lastClr="000000"/>
      </a:dk1>
      <a:lt1>
        <a:sysClr val="window" lastClr="FFFFFF"/>
      </a:lt1>
      <a:dk2>
        <a:srgbClr val="A4A6B2"/>
      </a:dk2>
      <a:lt2>
        <a:srgbClr val="FAFAFC"/>
      </a:lt2>
      <a:accent1>
        <a:srgbClr val="1226AA"/>
      </a:accent1>
      <a:accent2>
        <a:srgbClr val="3B54F5"/>
      </a:accent2>
      <a:accent3>
        <a:srgbClr val="FAAA00"/>
      </a:accent3>
      <a:accent4>
        <a:srgbClr val="FCC859"/>
      </a:accent4>
      <a:accent5>
        <a:srgbClr val="0C8754"/>
      </a:accent5>
      <a:accent6>
        <a:srgbClr val="4AD480"/>
      </a:accent6>
      <a:hlink>
        <a:srgbClr val="3B54F5"/>
      </a:hlink>
      <a:folHlink>
        <a:srgbClr val="73C2FA"/>
      </a:folHlink>
    </a:clrScheme>
    <a:fontScheme name="DNB">
      <a:majorFont>
        <a:latin typeface="Verdana"/>
        <a:ea typeface=""/>
        <a:cs typeface=""/>
      </a:majorFont>
      <a:minorFont>
        <a:latin typeface="Verdana"/>
        <a:ea typeface=""/>
        <a:cs typeface=""/>
      </a:minorFont>
    </a:fontScheme>
    <a:fmtScheme name="Kantoorthema">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DNB-Standaard_Presentatie.potx" id="{3D8167A5-888E-4A95-B8C5-5CB723F715B6}" vid="{5E4DA577-467E-4056-BD5F-387FCD8B9AEF}"/>
    </a:ext>
  </a:extLst>
</a:theme>
</file>

<file path=ppt/theme/theme2.xml><?xml version="1.0" encoding="utf-8"?>
<a:theme xmlns:a="http://schemas.openxmlformats.org/drawingml/2006/main" name="Kantoorthema">
  <a:themeElements>
    <a:clrScheme name="Kanto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antoor">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NB Afdelingsdocument" ma:contentTypeID="0x0101001A9AF98CE4D646E7BAD5E0A615FBC45700B254FF2429054763AE53C57F56CB11980027B7EBD1E5D3A145B0CA9D1335183B37" ma:contentTypeVersion="63" ma:contentTypeDescription="Afdelingsdocument content type" ma:contentTypeScope="" ma:versionID="e636f3e41312187f5d2eb12d1e8442fa">
  <xsd:schema xmlns:xsd="http://www.w3.org/2001/XMLSchema" xmlns:xs="http://www.w3.org/2001/XMLSchema" xmlns:p="http://schemas.microsoft.com/office/2006/metadata/properties" xmlns:ns2="d9eb7c7e-3a87-48dc-a7b7-365e1e85ed01" xmlns:ns3="http://schemas.dnb.nl/sharepoint" xmlns:ns4="http://schemas.microsoft.com/sharepoint/v4" xmlns:ns5="0fec833d-c1ab-41de-ab0d-9c039977e643" targetNamespace="http://schemas.microsoft.com/office/2006/metadata/properties" ma:root="true" ma:fieldsID="517a4b4b9050565878202abf75d34fed" ns2:_="" ns3:_="" ns4:_="" ns5:_="">
    <xsd:import namespace="d9eb7c7e-3a87-48dc-a7b7-365e1e85ed01"/>
    <xsd:import namespace="http://schemas.dnb.nl/sharepoint"/>
    <xsd:import namespace="http://schemas.microsoft.com/sharepoint/v4"/>
    <xsd:import namespace="0fec833d-c1ab-41de-ab0d-9c039977e643"/>
    <xsd:element name="properties">
      <xsd:complexType>
        <xsd:sequence>
          <xsd:element name="documentManagement">
            <xsd:complexType>
              <xsd:all>
                <xsd:element ref="ns2:DNB_Publiceren" minOccurs="0"/>
                <xsd:element ref="ns2:DNB_Kennisdocument" minOccurs="0"/>
                <xsd:element ref="ns2:DNB_AuteurFix" minOccurs="0"/>
                <xsd:element ref="ns2:DNB_Ontvanger" minOccurs="0"/>
                <xsd:element ref="ns2:DNB_CCOntvanger" minOccurs="0"/>
                <xsd:element ref="ns2:DNB_Opmerkingen" minOccurs="0"/>
                <xsd:element ref="ns2:DNB_Sjabloon" minOccurs="0"/>
                <xsd:element ref="ns2:DNB_EmTo" minOccurs="0"/>
                <xsd:element ref="ns2:DNB_EmFromName" minOccurs="0"/>
                <xsd:element ref="ns2:DNB_EmCC" minOccurs="0"/>
                <xsd:element ref="ns2:DNB_EmDate" minOccurs="0"/>
                <xsd:element ref="ns2:DNB_EmAttachCount" minOccurs="0"/>
                <xsd:element ref="ns2:DNB_EmAttachmentNames" minOccurs="0"/>
                <xsd:element ref="ns2:DNB_Distributie" minOccurs="0"/>
                <xsd:element ref="ns3:_dlc_DocId" minOccurs="0"/>
                <xsd:element ref="ns3:_dlc_DocIdUrl" minOccurs="0"/>
                <xsd:element ref="ns2:TaxCatchAllLabel" minOccurs="0"/>
                <xsd:element ref="ns2:TaxCatchAll" minOccurs="0"/>
                <xsd:element ref="ns4:IconOverlay" minOccurs="0"/>
                <xsd:element ref="ns2:_dlc_DocIdPersistId" minOccurs="0"/>
                <xsd:element ref="ns2:m2811a07b6c6fd47188d63596ada41d4" minOccurs="0"/>
                <xsd:element ref="ns2:ca76e055336b7ee42a6d4a27ac9e6458" minOccurs="0"/>
                <xsd:element ref="ns2:f416c62b8084a6924c1caabc0cb60db6" minOccurs="0"/>
                <xsd:element ref="ns2:lda0e043566dcacd3d66b94d90c3f946" minOccurs="0"/>
                <xsd:element ref="ns2:DNB_DatumDocument" minOccurs="0"/>
                <xsd:element ref="ns2:DNB_Geadresseerde" minOccurs="0"/>
                <xsd:element ref="ns2:DNB_ExternKenmerk" minOccurs="0"/>
                <xsd:element ref="ns2:DNB_Ontvangstdatum" minOccurs="0"/>
                <xsd:element ref="ns2:SharedWithUsers" minOccurs="0"/>
                <xsd:element ref="ns2:SharedWithDetails" minOccurs="0"/>
                <xsd:element ref="ns5:lcf76f155ced4ddcb4097134ff3c332f" minOccurs="0"/>
                <xsd:element ref="ns5:MediaServiceOCR" minOccurs="0"/>
                <xsd:element ref="ns5:MediaServiceGenerationTime" minOccurs="0"/>
                <xsd:element ref="ns5:MediaServiceEventHashCode" minOccurs="0"/>
                <xsd:element ref="ns5:MediaServiceLocation" minOccurs="0"/>
                <xsd:element ref="ns5:MediaServiceObjectDetectorVersions" minOccurs="0"/>
                <xsd:element ref="ns5: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9eb7c7e-3a87-48dc-a7b7-365e1e85ed01" elementFormDefault="qualified">
    <xsd:import namespace="http://schemas.microsoft.com/office/2006/documentManagement/types"/>
    <xsd:import namespace="http://schemas.microsoft.com/office/infopath/2007/PartnerControls"/>
    <xsd:element name="DNB_Publiceren" ma:index="5" nillable="true" ma:displayName="Publish" ma:default="False" ma:internalName="DNB_Publiceren">
      <xsd:simpleType>
        <xsd:restriction base="dms:Boolean"/>
      </xsd:simpleType>
    </xsd:element>
    <xsd:element name="DNB_Kennisdocument" ma:index="6" nillable="true" ma:displayName="Knowledge document" ma:internalName="DNB_Kennisdocument">
      <xsd:simpleType>
        <xsd:restriction base="dms:Boolean"/>
      </xsd:simpleType>
    </xsd:element>
    <xsd:element name="DNB_AuteurFix" ma:index="7"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8"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9"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0" nillable="true" ma:displayName="Remarks" ma:hidden="true" ma:internalName="DNB_Opmerkingen">
      <xsd:simpleType>
        <xsd:restriction base="dms:Note"/>
      </xsd:simpleType>
    </xsd:element>
    <xsd:element name="DNB_Sjabloon" ma:index="11" nillable="true" ma:displayName="Sjabloon" ma:hidden="true" ma:internalName="DNB_Sjabloon">
      <xsd:simpleType>
        <xsd:restriction base="dms:Text"/>
      </xsd:simpleType>
    </xsd:element>
    <xsd:element name="DNB_EmTo" ma:index="12" nillable="true" ma:displayName="E-mail To" ma:hidden="true" ma:internalName="DNB_EmTo">
      <xsd:simpleType>
        <xsd:restriction base="dms:Note">
          <xsd:maxLength value="255"/>
        </xsd:restriction>
      </xsd:simpleType>
    </xsd:element>
    <xsd:element name="DNB_EmFromName" ma:index="13" nillable="true" ma:displayName="E-mail From" ma:hidden="true" ma:internalName="DNB_EmFromName">
      <xsd:simpleType>
        <xsd:restriction base="dms:Text"/>
      </xsd:simpleType>
    </xsd:element>
    <xsd:element name="DNB_EmCC" ma:index="14" nillable="true" ma:displayName="E-mail CC" ma:hidden="true" ma:internalName="DNB_EmCC">
      <xsd:simpleType>
        <xsd:restriction base="dms:Note">
          <xsd:maxLength value="255"/>
        </xsd:restriction>
      </xsd:simpleType>
    </xsd:element>
    <xsd:element name="DNB_EmDate" ma:index="15" nillable="true" ma:displayName="E-mail Date" ma:hidden="true" ma:internalName="DNB_EmDate">
      <xsd:simpleType>
        <xsd:restriction base="dms:DateTime"/>
      </xsd:simpleType>
    </xsd:element>
    <xsd:element name="DNB_EmAttachCount" ma:index="16" nillable="true" ma:displayName="E-mail Attachment Count" ma:hidden="true" ma:internalName="DNB_EmAttachCount">
      <xsd:simpleType>
        <xsd:restriction base="dms:Text"/>
      </xsd:simpleType>
    </xsd:element>
    <xsd:element name="DNB_EmAttachmentNames" ma:index="17" nillable="true" ma:displayName="E-mail Attachment Names" ma:hidden="true" ma:internalName="DNB_EmAttachmentNames">
      <xsd:simpleType>
        <xsd:restriction base="dms:Note">
          <xsd:maxLength value="255"/>
        </xsd:restriction>
      </xsd:simpleType>
    </xsd:element>
    <xsd:element name="DNB_Distributie" ma:index="18" nillable="true" ma:displayName="Distributie" ma:default="False" ma:internalName="DNB_Distributie">
      <xsd:simpleType>
        <xsd:restriction base="dms:Boolean"/>
      </xsd:simpleType>
    </xsd:element>
    <xsd:element name="TaxCatchAllLabel" ma:index="25" nillable="true" ma:displayName="Taxonomy Catch All Column1" ma:hidden="true" ma:list="{1c00ccc2-4ccc-4e2f-9bb0-aa82a380eea2}" ma:internalName="TaxCatchAllLabel" ma:readOnly="true" ma:showField="CatchAllDataLabel" ma:web="d9eb7c7e-3a87-48dc-a7b7-365e1e85ed01">
      <xsd:complexType>
        <xsd:complexContent>
          <xsd:extension base="dms:MultiChoiceLookup">
            <xsd:sequence>
              <xsd:element name="Value" type="dms:Lookup" maxOccurs="unbounded" minOccurs="0" nillable="true"/>
            </xsd:sequence>
          </xsd:extension>
        </xsd:complexContent>
      </xsd:complexType>
    </xsd:element>
    <xsd:element name="TaxCatchAll" ma:index="27" nillable="true" ma:displayName="Taxonomy Catch All Column" ma:hidden="true" ma:list="{1c00ccc2-4ccc-4e2f-9bb0-aa82a380eea2}" ma:internalName="TaxCatchAll" ma:showField="CatchAllData" ma:web="d9eb7c7e-3a87-48dc-a7b7-365e1e85ed01">
      <xsd:complexType>
        <xsd:complexContent>
          <xsd:extension base="dms:MultiChoiceLookup">
            <xsd:sequence>
              <xsd:element name="Value" type="dms:Lookup" maxOccurs="unbounded" minOccurs="0" nillable="true"/>
            </xsd:sequence>
          </xsd:extension>
        </xsd:complexContent>
      </xsd:complexType>
    </xsd:element>
    <xsd:element name="_dlc_DocIdPersistId" ma:index="30" nillable="true" ma:displayName="Persist ID" ma:description="Keep ID on add." ma:hidden="true" ma:internalName="_dlc_DocIdPersistId" ma:readOnly="true">
      <xsd:simpleType>
        <xsd:restriction base="dms:Boolean"/>
      </xsd:simpleType>
    </xsd:element>
    <xsd:element name="m2811a07b6c6fd47188d63596ada41d4" ma:index="31" nillable="true" ma:taxonomy="true" ma:internalName="m2811a07b6c6fd47188d63596ada41d4" ma:taxonomyFieldName="DNB_Afdeling" ma:displayName="Department" ma:fieldId="{62811a07-b6c6-fd47-188d-63596ada41d4}"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ca76e055336b7ee42a6d4a27ac9e6458" ma:index="32" ma:taxonomy="true" ma:internalName="ca76e055336b7ee42a6d4a27ac9e6458" ma:taxonomyFieldName="DNB_Afdelingslabel" ma:displayName="DNB Label" ma:readOnly="false" ma:fieldId="{ca76e055-336b-7ee4-2a6d-4a27ac9e6458}" ma:taxonomyMulti="true" ma:sspId="b8135cd8-dd77-44d6-bdcc-adbf336672a2" ma:termSetId="97676bd9-cfb3-44b4-bb56-9857628d3d48" ma:anchorId="00000000-0000-0000-0000-000000000000" ma:open="false" ma:isKeyword="false">
      <xsd:complexType>
        <xsd:sequence>
          <xsd:element ref="pc:Terms" minOccurs="0" maxOccurs="1"/>
        </xsd:sequence>
      </xsd:complexType>
    </xsd:element>
    <xsd:element name="f416c62b8084a6924c1caabc0cb60db6" ma:index="33" nillable="true" ma:taxonomy="true" ma:internalName="f416c62b8084a6924c1caabc0cb60db6" ma:taxonomyFieldName="DNB_Divisie" ma:displayName="Division" ma:fieldId="{f416c62b-8084-a692-4c1c-aabc0cb60db6}" ma:sspId="b8135cd8-dd77-44d6-bdcc-adbf336672a2" ma:termSetId="f1bb8585-b79d-427a-822a-3c18649c7534" ma:anchorId="b61b89a1-fb9f-476c-9b0d-f5c5c893d3bc" ma:open="false" ma:isKeyword="false">
      <xsd:complexType>
        <xsd:sequence>
          <xsd:element ref="pc:Terms" minOccurs="0" maxOccurs="1"/>
        </xsd:sequence>
      </xsd:complexType>
    </xsd:element>
    <xsd:element name="lda0e043566dcacd3d66b94d90c3f946" ma:index="35" nillable="true" ma:taxonomy="true" ma:internalName="lda0e043566dcacd3d66b94d90c3f946" ma:taxonomyFieldName="DNB_Status" ma:displayName="Document Set Status" ma:default="-1;#Lopend|9178452f-7c5d-4617-8a9d-cb6cbffbcbfc" ma:fieldId="{5da0e043-566d-cacd-3d66-b94d90c3f946}" ma:sspId="b8135cd8-dd77-44d6-bdcc-adbf336672a2" ma:termSetId="2eefb460-0590-4983-a377-038033dfb5f8" ma:anchorId="00000000-0000-0000-0000-000000000000" ma:open="false" ma:isKeyword="false">
      <xsd:complexType>
        <xsd:sequence>
          <xsd:element ref="pc:Terms" minOccurs="0" maxOccurs="1"/>
        </xsd:sequence>
      </xsd:complexType>
    </xsd:element>
    <xsd:element name="DNB_DatumDocument" ma:index="36" nillable="true" ma:displayName="Date Document" ma:format="DateOnly" ma:internalName="DNB_DatumDocument">
      <xsd:simpleType>
        <xsd:restriction base="dms:DateTime"/>
      </xsd:simpleType>
    </xsd:element>
    <xsd:element name="DNB_Geadresseerde" ma:index="37" nillable="true" ma:displayName="Addressee" ma:SearchPeopleOnly="false" ma:internalName="DNB_Geadresseerd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ExternKenmerk" ma:index="38" nillable="true" ma:displayName="External Reference" ma:internalName="DNB_ExternKenmerk">
      <xsd:simpleType>
        <xsd:restriction base="dms:Text"/>
      </xsd:simpleType>
    </xsd:element>
    <xsd:element name="DNB_Ontvangstdatum" ma:index="39" nillable="true" ma:displayName="Date Received" ma:format="DateOnly" ma:internalName="DNB_Ontvangstdatum">
      <xsd:simpleType>
        <xsd:restriction base="dms:DateTime"/>
      </xsd:simpleType>
    </xsd:element>
    <xsd:element name="SharedWithUsers" ma:index="4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1"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23" nillable="true" ma:displayName="Document ID Value" ma:description="The value of the document ID assigned to this item." ma:indexed="true" ma:internalName="_dlc_DocId" ma:readOnly="true">
      <xsd:simpleType>
        <xsd:restriction base="dms:Text"/>
      </xsd:simpleType>
    </xsd:element>
    <xsd:element name="_dlc_DocIdUrl" ma:index="24"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4" elementFormDefault="qualified">
    <xsd:import namespace="http://schemas.microsoft.com/office/2006/documentManagement/types"/>
    <xsd:import namespace="http://schemas.microsoft.com/office/infopath/2007/PartnerControls"/>
    <xsd:element name="IconOverlay" ma:index="29" nillable="true" ma:displayName="IconOverlay" ma:hidden="true" ma:internalName="IconOverlay">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0fec833d-c1ab-41de-ab0d-9c039977e643" elementFormDefault="qualified">
    <xsd:import namespace="http://schemas.microsoft.com/office/2006/documentManagement/types"/>
    <xsd:import namespace="http://schemas.microsoft.com/office/infopath/2007/PartnerControls"/>
    <xsd:element name="lcf76f155ced4ddcb4097134ff3c332f" ma:index="43" nillable="true" ma:taxonomy="true" ma:internalName="lcf76f155ced4ddcb4097134ff3c332f" ma:taxonomyFieldName="MediaServiceImageTags" ma:displayName="Image Tags" ma:readOnly="false" ma:fieldId="{5cf76f15-5ced-4ddc-b409-7134ff3c332f}" ma:taxonomyMulti="true" ma:sspId="b8135cd8-dd77-44d6-bdcc-adbf336672a2" ma:termSetId="09814cd3-568e-fe90-9814-8d621ff8fb84" ma:anchorId="fba54fb3-c3e1-fe81-a776-ca4b69148c4d" ma:open="true" ma:isKeyword="false">
      <xsd:complexType>
        <xsd:sequence>
          <xsd:element ref="pc:Terms" minOccurs="0" maxOccurs="1"/>
        </xsd:sequence>
      </xsd:complexType>
    </xsd:element>
    <xsd:element name="MediaServiceOCR" ma:index="44" nillable="true" ma:displayName="Extracted Text" ma:internalName="MediaServiceOCR" ma:readOnly="true">
      <xsd:simpleType>
        <xsd:restriction base="dms:Note">
          <xsd:maxLength value="255"/>
        </xsd:restriction>
      </xsd:simpleType>
    </xsd:element>
    <xsd:element name="MediaServiceGenerationTime" ma:index="45" nillable="true" ma:displayName="MediaServiceGenerationTime" ma:hidden="true" ma:internalName="MediaServiceGenerationTime" ma:readOnly="true">
      <xsd:simpleType>
        <xsd:restriction base="dms:Text"/>
      </xsd:simpleType>
    </xsd:element>
    <xsd:element name="MediaServiceEventHashCode" ma:index="46" nillable="true" ma:displayName="MediaServiceEventHashCode" ma:hidden="true" ma:internalName="MediaServiceEventHashCode" ma:readOnly="true">
      <xsd:simpleType>
        <xsd:restriction base="dms:Text"/>
      </xsd:simpleType>
    </xsd:element>
    <xsd:element name="MediaServiceLocation" ma:index="47" nillable="true" ma:displayName="Location" ma:indexed="true" ma:internalName="MediaServiceLocation" ma:readOnly="true">
      <xsd:simpleType>
        <xsd:restriction base="dms:Text"/>
      </xsd:simpleType>
    </xsd:element>
    <xsd:element name="MediaServiceObjectDetectorVersions" ma:index="48" nillable="true" ma:displayName="MediaServiceObjectDetectorVersions" ma:hidden="true" ma:indexed="true" ma:internalName="MediaServiceObjectDetectorVersions" ma:readOnly="true">
      <xsd:simpleType>
        <xsd:restriction base="dms:Text"/>
      </xsd:simpleType>
    </xsd:element>
    <xsd:element name="MediaServiceSearchProperties" ma:index="49"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20" ma:displayName="Content Type"/>
        <xsd:element ref="dc:title" minOccurs="0" maxOccurs="1" ma:index="0"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mso-contentType ?>
<SharedContentType xmlns="Microsoft.SharePoint.Taxonomy.ContentTypeSync" SourceId="1e3213a6-3d3a-4fd1-b2e1-5dac641bbf5e" ContentTypeId="0x0101001A9AF98CE4D646E7BAD5E0A615FBC45700B254FF2429054763AE53C57F56CB1198" PreviousValue="false"/>
</file>

<file path=customXml/item11.xml><?xml version="1.0" encoding="utf-8"?>
<?mso-contentType ?>
<spe:Receivers xmlns:spe="http://schemas.microsoft.com/sharepoint/events">
  <Receiver xmlns="">
    <Name>Document ID Generator</Name>
    <Synchronization>Synchronous</Synchronization>
    <Type>10001</Type>
    <SequenceNumber>1000</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2</Type>
    <SequenceNumber>1001</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4</Type>
    <SequenceNumber>1002</SequenceNumber>
    <Url/>
    <Assembly>Microsoft.Office.DocumentManagement, Version=15.0.0.0, Culture=neutral, PublicKeyToken=71e9bce111e9429c</Assembly>
    <Class>Microsoft.Office.DocumentManagement.Internal.DocIdHandler</Class>
    <Data/>
    <Filter/>
  </Receiver>
  <Receiver xmlns="">
    <Name>Document ID Generator</Name>
    <Synchronization>Synchronous</Synchronization>
    <Type>10006</Type>
    <SequenceNumber>1003</SequenceNumber>
    <Url/>
    <Assembly>Microsoft.Office.DocumentManagement, Version=15.0.0.0, Culture=neutral, PublicKeyToken=71e9bce111e9429c</Assembly>
    <Class>Microsoft.Office.DocumentManagement.Internal.DocIdHandler</Class>
    <Data/>
    <Filter/>
  </Receiver>
</spe:Receivers>
</file>

<file path=customXml/item2.xml><?xml version="1.0" encoding="utf-8"?>
<TemplafyFormConfiguration><![CDATA[{"formFields":[{"required":false,"placeholder":"","lines":1,"defaultValue":"{{UserProfile.FullName}}","helpTexts":{},"spacing":{},"shareValue":false,"type":"textBox","name":"NaamPresentatorEnOfInhoudelijkverantwoordelijke","label":"Naam Presentator en/of inhoudelijkverantwoordelijke"},{"required":false,"helpTexts":{},"spacing":{},"shareValue":false,"type":"datePicker","name":"Datum","label":"Datum"}],"formDataEntries":[{"name":"NaamPresentatorEnOfInhoudelijkverantwoordelijke","value":"fmqYxgzVnnR6oZVKmZo39Q=="},{"name":"Datum","value":"fmqYxgzVnnR6oZVKmZo39Q=="}]}]]></TemplafyFormConfiguration>
</file>

<file path=customXml/item3.xml><?xml version="1.0" encoding="utf-8"?>
<TemplafyTemplateConfiguration><![CDATA[{"elementsMetadata":[{"type":"shape","id":"9cd4bdd7-cd89-46aa-8997-513b51245c89","elementConfiguration":{"binding":"{{FormatDateTime(Form.Datum, \"d MMMM yyyy\", \"nl-NL\")}}","visibility":"","type":"text","disableUpdates":false}},{"type":"shape","id":"95f23eac-80b7-4968-8f15-4ef487cd77d2","elementConfiguration":{"binding":"{{Form.NaamPresentatorEnOfInhoudelijkverantwoordelijke}}","visibility":"","type":"text","disableUpdates":false}},{"type":"shape","id":"d2470738-5d87-42ee-b36e-d562a851d334","elementConfiguration":{"binding":"{{FormatDateTime(Form.Datum, \"d MMMM yyyy\", \"nl-NL\")}}","visibility":"","type":"text","disableUpdates":false}},{"type":"shape","id":"83170902-e918-4355-96e2-ee810ae2a146","elementConfiguration":{"binding":"{{Form.NaamPresentatorEnOfInhoudelijkverantwoordelijke}}","visibility":"","type":"text","disableUpdates":false}},{"type":"shape","id":"723fa92d-f53f-4868-a28e-65d4935b8fcd","elementConfiguration":{"binding":"{{FormatDateTime(Form.Datum, \"d MMMM yyyy\", \"nl-NL\")}}","visibility":"","type":"text","disableUpdates":false}},{"type":"shape","id":"a07451e7-6994-4e8c-af3c-6f9a293ea72b","elementConfiguration":{"binding":"{{Form.NaamPresentatorEnOfInhoudelijkverantwoordelijke}}","visibility":"","type":"text","disableUpdates":false}},{"type":"shape","id":"1acaa9ad-7cf4-46a7-9762-ebff935299fc","elementConfiguration":{"binding":"{{FormatDateTime(Form.Datum, \"d MMMM yyyy\", \"nl-NL\")}}","visibility":"","type":"text","disableUpdates":false}},{"type":"shape","id":"a943fb61-a3c7-42e6-8d36-01efdb34072a","elementConfiguration":{"binding":"{{FormatDateTime(Form.Datum, \"d MMMM yyyy\", \"nl-NL\")}}","visibility":"","type":"text","disableUpdates":false}}],"transformationConfigurations":[],"templateName":"Leeg DNB-sjabloon","templateDescription":"","enableDocumentContentUpdater":false,"version":"2.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_dlc_DocId xmlns="http://schemas.dnb.nl/sharepoint">A034-1324214423-1003</_dlc_DocId>
    <_dlc_DocIdUrl xmlns="http://schemas.dnb.nl/sharepoint">
      <Url>https://dnbnl.sharepoint.com/sites/TM-COM/_layouts/15/DocIdRedir.aspx?ID=A034-1324214423-1003</Url>
      <Description>A034-1324214423-1003</Description>
    </_dlc_DocIdUrl>
    <DNB_EmDate xmlns="d9eb7c7e-3a87-48dc-a7b7-365e1e85ed01" xsi:nil="true"/>
    <DNB_CCOntvanger xmlns="d9eb7c7e-3a87-48dc-a7b7-365e1e85ed01">
      <UserInfo>
        <DisplayName/>
        <AccountId xsi:nil="true"/>
        <AccountType/>
      </UserInfo>
    </DNB_CCOntvanger>
    <DNB_Opmerkingen xmlns="d9eb7c7e-3a87-48dc-a7b7-365e1e85ed01" xsi:nil="true"/>
    <DNB_Sjabloon xmlns="d9eb7c7e-3a87-48dc-a7b7-365e1e85ed01" xsi:nil="true"/>
    <DNB_EmFromName xmlns="d9eb7c7e-3a87-48dc-a7b7-365e1e85ed01" xsi:nil="true"/>
    <DNB_AuteurFix xmlns="d9eb7c7e-3a87-48dc-a7b7-365e1e85ed01">
      <UserInfo>
        <DisplayName/>
        <AccountId xsi:nil="true"/>
        <AccountType/>
      </UserInfo>
    </DNB_AuteurFix>
    <DNB_Distributie xmlns="d9eb7c7e-3a87-48dc-a7b7-365e1e85ed01">false</DNB_Distributie>
    <DNB_EmAttachmentNames xmlns="d9eb7c7e-3a87-48dc-a7b7-365e1e85ed01" xsi:nil="true"/>
    <DNB_Publiceren xmlns="d9eb7c7e-3a87-48dc-a7b7-365e1e85ed01">false</DNB_Publiceren>
    <DNB_EmCC xmlns="d9eb7c7e-3a87-48dc-a7b7-365e1e85ed01" xsi:nil="true"/>
    <f416c62b8084a6924c1caabc0cb60db6 xmlns="d9eb7c7e-3a87-48dc-a7b7-365e1e85ed01">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f416c62b8084a6924c1caabc0cb60db6>
    <DNB_EmTo xmlns="d9eb7c7e-3a87-48dc-a7b7-365e1e85ed01" xsi:nil="true"/>
    <DNB_EmAttachCount xmlns="d9eb7c7e-3a87-48dc-a7b7-365e1e85ed01" xsi:nil="true"/>
    <TaxCatchAll xmlns="d9eb7c7e-3a87-48dc-a7b7-365e1e85ed01">
      <Value>4</Value>
      <Value>721</Value>
    </TaxCatchAll>
    <m2811a07b6c6fd47188d63596ada41d4 xmlns="d9eb7c7e-3a87-48dc-a7b7-365e1e85ed01">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m2811a07b6c6fd47188d63596ada41d4>
    <DNB_Ontvanger xmlns="d9eb7c7e-3a87-48dc-a7b7-365e1e85ed01">
      <UserInfo>
        <DisplayName/>
        <AccountId xsi:nil="true"/>
        <AccountType/>
      </UserInfo>
    </DNB_Ontvanger>
    <SharedWithUsers xmlns="d9eb7c7e-3a87-48dc-a7b7-365e1e85ed01">
      <UserInfo>
        <DisplayName>Plantinga, J.G. (Jurre) (COM_COM)</DisplayName>
        <AccountId>533</AccountId>
        <AccountType/>
      </UserInfo>
      <UserInfo>
        <DisplayName>Rijnbach, J. van (Jan) (TP_ATP)</DisplayName>
        <AccountId>197</AccountId>
        <AccountType/>
      </UserInfo>
    </SharedWithUsers>
    <DNB_Kennisdocument xmlns="d9eb7c7e-3a87-48dc-a7b7-365e1e85ed01" xsi:nil="true"/>
    <lcf76f155ced4ddcb4097134ff3c332f xmlns="0fec833d-c1ab-41de-ab0d-9c039977e643">
      <Terms xmlns="http://schemas.microsoft.com/office/infopath/2007/PartnerControls"/>
    </lcf76f155ced4ddcb4097134ff3c332f>
    <IconOverlay xmlns="http://schemas.microsoft.com/sharepoint/v4" xsi:nil="true"/>
    <DNB_ExternKenmerk xmlns="d9eb7c7e-3a87-48dc-a7b7-365e1e85ed01" xsi:nil="true"/>
    <DNB_Geadresseerde xmlns="d9eb7c7e-3a87-48dc-a7b7-365e1e85ed01">
      <UserInfo>
        <DisplayName/>
        <AccountId xsi:nil="true"/>
        <AccountType/>
      </UserInfo>
    </DNB_Geadresseerde>
    <DNB_Ontvangstdatum xmlns="d9eb7c7e-3a87-48dc-a7b7-365e1e85ed01" xsi:nil="true"/>
    <DNB_DatumDocument xmlns="d9eb7c7e-3a87-48dc-a7b7-365e1e85ed01" xsi:nil="true"/>
    <ca76e055336b7ee42a6d4a27ac9e6458 xmlns="d9eb7c7e-3a87-48dc-a7b7-365e1e85ed01">
      <Terms xmlns="http://schemas.microsoft.com/office/infopath/2007/PartnerControls"/>
    </ca76e055336b7ee42a6d4a27ac9e6458>
    <lda0e043566dcacd3d66b94d90c3f946 xmlns="d9eb7c7e-3a87-48dc-a7b7-365e1e85ed01">
      <Terms xmlns="http://schemas.microsoft.com/office/infopath/2007/PartnerControls">
        <TermInfo xmlns="http://schemas.microsoft.com/office/infopath/2007/PartnerControls">
          <TermName xmlns="http://schemas.microsoft.com/office/infopath/2007/PartnerControls">Lopend</TermName>
          <TermId xmlns="http://schemas.microsoft.com/office/infopath/2007/PartnerControls">9178452f-7c5d-4617-8a9d-cb6cbffbcbfc</TermId>
        </TermInfo>
      </Terms>
    </lda0e043566dcacd3d66b94d90c3f946>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required":false,"placeholder":"","lines":1,"defaultValue":"{{UserProfile.FullName}}","helpTexts":{},"spacing":{},"shareValue":false,"type":"textBox","name":"NaamPresentatorEnOfInhoudelijkverantwoordelijke","label":"Naam Presentator en/of inhoudelijkverantwoordelijke"},{"required":false,"helpTexts":{},"spacing":{},"shareValue":false,"type":"datePicker","name":"Datum","label":"Datum"}],"formDataEntries":[]}]]></TemplafySlideFormConfiguration>
</file>

<file path=customXml/item7.xml><?xml version="1.0" encoding="utf-8"?>
<TemplafySlideTemplateConfiguration><![CDATA[{"slideVersion":1,"isValidatorEnabled":false,"isLocked":false,"elementsMetadata":[{"type":"shape","elementConfiguration":{"binding":"{{FormatDateTime(Form.Datum, \"d MMMM yyyy\", \"nl-NL\")}}","visibility":"","type":"text","disableUpdates":false}},{"type":"shape","elementConfiguration":{"binding":"{{Form.NaamPresentatorEnOfInhoudelijkverantwoordelijke}}","visibility":"","type":"text","disableUpdates":false}}],"slideId":"638423792807818998","enableDocumentContentUpdater":false,"version":"2.0"}]]></TemplafySlideTemplateConfiguration>
</file>

<file path=customXml/item8.xml><?xml version="1.0" encoding="utf-8"?>
<TemplafySlideTemplateConfiguration><![CDATA[{"slideVersion":1,"isValidatorEnabled":false,"isLocked":false,"elementsMetadata":[],"slideId":"638107512941624005","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76D35981-581D-4A70-8945-B47C26632E22}"/>
</file>

<file path=customXml/itemProps10.xml><?xml version="1.0" encoding="utf-8"?>
<ds:datastoreItem xmlns:ds="http://schemas.openxmlformats.org/officeDocument/2006/customXml" ds:itemID="{3FACBB42-E0DC-4B86-ADE6-BEEF53D2EAB7}"/>
</file>

<file path=customXml/itemProps11.xml><?xml version="1.0" encoding="utf-8"?>
<ds:datastoreItem xmlns:ds="http://schemas.openxmlformats.org/officeDocument/2006/customXml" ds:itemID="{06938359-5FAE-44AD-80D5-92291B46008F}"/>
</file>

<file path=customXml/itemProps2.xml><?xml version="1.0" encoding="utf-8"?>
<ds:datastoreItem xmlns:ds="http://schemas.openxmlformats.org/officeDocument/2006/customXml" ds:itemID="{80F4265C-BBA1-4F23-9536-FBE34E9D938C}">
  <ds:schemaRefs/>
</ds:datastoreItem>
</file>

<file path=customXml/itemProps3.xml><?xml version="1.0" encoding="utf-8"?>
<ds:datastoreItem xmlns:ds="http://schemas.openxmlformats.org/officeDocument/2006/customXml" ds:itemID="{E00ECDCE-5079-47E1-9724-204E3E87B425}">
  <ds:schemaRefs/>
</ds:datastoreItem>
</file>

<file path=customXml/itemProps4.xml><?xml version="1.0" encoding="utf-8"?>
<ds:datastoreItem xmlns:ds="http://schemas.openxmlformats.org/officeDocument/2006/customXml" ds:itemID="{F320FA6E-5F2D-45C9-AE36-17C3F52F3B16}">
  <ds:schemaRefs>
    <ds:schemaRef ds:uri="6dff1541-187f-4ce8-9b1b-32cd6ab05e50"/>
    <ds:schemaRef ds:uri="http://www.w3.org/XML/1998/namespace"/>
    <ds:schemaRef ds:uri="http://schemas.microsoft.com/office/2006/documentManagement/types"/>
    <ds:schemaRef ds:uri="http://schemas.microsoft.com/office/2006/metadata/properties"/>
    <ds:schemaRef ds:uri="b3b7042a-d377-4e88-be61-c530c0f0ce5d"/>
    <ds:schemaRef ds:uri="http://purl.org/dc/elements/1.1/"/>
    <ds:schemaRef ds:uri="http://purl.org/dc/terms/"/>
    <ds:schemaRef ds:uri="http://schemas.microsoft.com/office/infopath/2007/PartnerControls"/>
    <ds:schemaRef ds:uri="http://schemas.openxmlformats.org/package/2006/metadata/core-properties"/>
    <ds:schemaRef ds:uri="http://purl.org/dc/dcmitype/"/>
  </ds:schemaRefs>
</ds:datastoreItem>
</file>

<file path=customXml/itemProps5.xml><?xml version="1.0" encoding="utf-8"?>
<ds:datastoreItem xmlns:ds="http://schemas.openxmlformats.org/officeDocument/2006/customXml" ds:itemID="{6FB50EAF-85F9-4BB6-AF25-CD110D2224D3}">
  <ds:schemaRefs>
    <ds:schemaRef ds:uri="http://schemas.microsoft.com/sharepoint/v3/contenttype/forms"/>
  </ds:schemaRefs>
</ds:datastoreItem>
</file>

<file path=customXml/itemProps6.xml><?xml version="1.0" encoding="utf-8"?>
<ds:datastoreItem xmlns:ds="http://schemas.openxmlformats.org/officeDocument/2006/customXml" ds:itemID="{4E6F4849-4F91-426B-888E-12067969BD58}">
  <ds:schemaRefs/>
</ds:datastoreItem>
</file>

<file path=customXml/itemProps7.xml><?xml version="1.0" encoding="utf-8"?>
<ds:datastoreItem xmlns:ds="http://schemas.openxmlformats.org/officeDocument/2006/customXml" ds:itemID="{596BD79C-479E-434C-A815-2D61F0524016}">
  <ds:schemaRefs/>
</ds:datastoreItem>
</file>

<file path=customXml/itemProps8.xml><?xml version="1.0" encoding="utf-8"?>
<ds:datastoreItem xmlns:ds="http://schemas.openxmlformats.org/officeDocument/2006/customXml" ds:itemID="{EE277DD6-A886-48FB-BBF4-C7AAD889F395}">
  <ds:schemaRefs/>
</ds:datastoreItem>
</file>

<file path=customXml/itemProps9.xml><?xml version="1.0" encoding="utf-8"?>
<ds:datastoreItem xmlns:ds="http://schemas.openxmlformats.org/officeDocument/2006/customXml" ds:itemID="{1397D660-CAAB-4167-8C99-97422568B816}">
  <ds:schemaRefs/>
</ds:datastoreItem>
</file>

<file path=docMetadata/LabelInfo.xml><?xml version="1.0" encoding="utf-8"?>
<clbl:labelList xmlns:clbl="http://schemas.microsoft.com/office/2020/mipLabelMetadata">
  <clbl:label id="{ec7cb471-bbb9-48fe-b85f-0bdddd48d306}" enabled="1" method="Standard" siteId="{9ecbd628-0072-405d-8567-32c6750b0d3e}" removed="0"/>
</clbl:labelList>
</file>

<file path=docProps/app.xml><?xml version="1.0" encoding="utf-8"?>
<Properties xmlns="http://schemas.openxmlformats.org/officeDocument/2006/extended-properties" xmlns:vt="http://schemas.openxmlformats.org/officeDocument/2006/docPropsVTypes">
  <Template>DNB-Standaard_Presentatie</Template>
  <TotalTime>308</TotalTime>
  <Words>251</Words>
  <Application>Microsoft Office PowerPoint</Application>
  <PresentationFormat>Diavoorstelling (16:9)</PresentationFormat>
  <Paragraphs>57</Paragraphs>
  <Slides>5</Slides>
  <Notes>2</Notes>
  <HiddenSlides>0</HiddenSlides>
  <MMClips>0</MMClips>
  <ScaleCrop>false</ScaleCrop>
  <HeadingPairs>
    <vt:vector size="6" baseType="variant">
      <vt:variant>
        <vt:lpstr>Gebruikte lettertypen</vt:lpstr>
      </vt:variant>
      <vt:variant>
        <vt:i4>6</vt:i4>
      </vt:variant>
      <vt:variant>
        <vt:lpstr>Thema</vt:lpstr>
      </vt:variant>
      <vt:variant>
        <vt:i4>1</vt:i4>
      </vt:variant>
      <vt:variant>
        <vt:lpstr>Diatitels</vt:lpstr>
      </vt:variant>
      <vt:variant>
        <vt:i4>5</vt:i4>
      </vt:variant>
    </vt:vector>
  </HeadingPairs>
  <TitlesOfParts>
    <vt:vector size="12" baseType="lpstr">
      <vt:lpstr>-apple-system</vt:lpstr>
      <vt:lpstr>Arial</vt:lpstr>
      <vt:lpstr>Calibri</vt:lpstr>
      <vt:lpstr>Times New Roman</vt:lpstr>
      <vt:lpstr>Verdana</vt:lpstr>
      <vt:lpstr>Wingdings</vt:lpstr>
      <vt:lpstr>De Nederlandsche Bank (2023)</vt:lpstr>
      <vt:lpstr>PowerPoint-presentatie</vt:lpstr>
      <vt:lpstr>Onderbouwing van de transitie</vt:lpstr>
      <vt:lpstr>Beoordeling van evenwichtigheid</vt:lpstr>
      <vt:lpstr>Evenwichtige belangenafweging door het fonds (46b lid 1e BUPW)</vt:lpstr>
      <vt:lpstr>Informatie, vragen en feedback</vt:lpstr>
    </vt:vector>
  </TitlesOfParts>
  <Company>De Nederlandsche Ban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Rijnbach, J. van (Jan) (TP_ATP)</dc:creator>
  <cp:lastModifiedBy>Rijnbach, J. van (Jan) (TP_ATP)</cp:lastModifiedBy>
  <cp:revision>4</cp:revision>
  <dcterms:created xsi:type="dcterms:W3CDTF">2024-04-30T15:33:25Z</dcterms:created>
  <dcterms:modified xsi:type="dcterms:W3CDTF">2024-06-17T14:52: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A9AF98CE4D646E7BAD5E0A615FBC45700B254FF2429054763AE53C57F56CB11980027B7EBD1E5D3A145B0CA9D1335183B37</vt:lpwstr>
  </property>
  <property fmtid="{D5CDD505-2E9C-101B-9397-08002B2CF9AE}" pid="3" name="ClassificationContentMarkingHeaderText">
    <vt:lpwstr>| DNB UNRESTRICTED |</vt:lpwstr>
  </property>
  <property fmtid="{D5CDD505-2E9C-101B-9397-08002B2CF9AE}" pid="4" name="TemplafyTimeStamp">
    <vt:lpwstr>2024-02-01T10:14:40</vt:lpwstr>
  </property>
  <property fmtid="{D5CDD505-2E9C-101B-9397-08002B2CF9AE}" pid="5" name="TemplafyTenantId">
    <vt:lpwstr>dnb</vt:lpwstr>
  </property>
  <property fmtid="{D5CDD505-2E9C-101B-9397-08002B2CF9AE}" pid="6" name="TemplafyTemplateId">
    <vt:lpwstr>836000601710002206</vt:lpwstr>
  </property>
  <property fmtid="{D5CDD505-2E9C-101B-9397-08002B2CF9AE}" pid="7" name="TemplafyUserProfileId">
    <vt:lpwstr>637830386969147174</vt:lpwstr>
  </property>
  <property fmtid="{D5CDD505-2E9C-101B-9397-08002B2CF9AE}" pid="8" name="TemplafyFromBlank">
    <vt:bool>true</vt:bool>
  </property>
  <property fmtid="{D5CDD505-2E9C-101B-9397-08002B2CF9AE}" pid="9" name="DNB_Divisie">
    <vt:lpwstr>721;#Toezicht Pensioenfondsen|05fe169f-9af6-4139-8249-771375f7b69c</vt:lpwstr>
  </property>
  <property fmtid="{D5CDD505-2E9C-101B-9397-08002B2CF9AE}" pid="10" name="_dlc_DocIdItemGuid">
    <vt:lpwstr>334ee3a6-8558-4240-8e7e-fba1d7796b21</vt:lpwstr>
  </property>
  <property fmtid="{D5CDD505-2E9C-101B-9397-08002B2CF9AE}" pid="11" name="DNB_Afdeling">
    <vt:lpwstr>721;#Toezicht Pensioenfondsen|05fe169f-9af6-4139-8249-771375f7b69c</vt:lpwstr>
  </property>
  <property fmtid="{D5CDD505-2E9C-101B-9397-08002B2CF9AE}" pid="12" name="LabelTransitietoezicht">
    <vt:lpwstr/>
  </property>
  <property fmtid="{D5CDD505-2E9C-101B-9397-08002B2CF9AE}" pid="13" name="DNB_ProjectLabel">
    <vt:lpwstr>5;#Projecten|6b72ff99-9c37-4a58-86d6-c50d28db3af0</vt:lpwstr>
  </property>
  <property fmtid="{D5CDD505-2E9C-101B-9397-08002B2CF9AE}" pid="14" name="MediaServiceImageTags">
    <vt:lpwstr/>
  </property>
  <property fmtid="{D5CDD505-2E9C-101B-9397-08002B2CF9AE}" pid="15" name="DNB_Status">
    <vt:lpwstr>4;#Lopend|9178452f-7c5d-4617-8a9d-cb6cbffbcbfc</vt:lpwstr>
  </property>
  <property fmtid="{D5CDD505-2E9C-101B-9397-08002B2CF9AE}" pid="16" name="DNB_Afdelingslabel">
    <vt:lpwstr/>
  </property>
</Properties>
</file>